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2024\s1336\02_人材確保グループ\441_勤務環境改善支援センター\12_基金区分６\05_R6\05_交付申請通知\01_起案\"/>
    </mc:Choice>
  </mc:AlternateContent>
  <bookViews>
    <workbookView xWindow="0" yWindow="0" windowWidth="23040" windowHeight="9168"/>
  </bookViews>
  <sheets>
    <sheet name="NEW別記３様式２" sheetId="10" r:id="rId1"/>
    <sheet name="(参考)現行の勤務医報告" sheetId="2" state="hidden" r:id="rId2"/>
  </sheets>
  <definedNames>
    <definedName name="_xlnm.Print_Area" localSheetId="1">'(参考)現行の勤務医報告'!$A$1:$D$20</definedName>
    <definedName name="_xlnm.Print_Area" localSheetId="0">NEW別記３様式２!$B$1:$U$74</definedName>
    <definedName name="Z_37B6CBE4_2B19_49FC_BFEF_B891579D40C9_.wvu.PrintArea" localSheetId="1" hidden="1">'(参考)現行の勤務医報告'!$A$1:$D$20</definedName>
    <definedName name="Z_37B6CBE4_2B19_49FC_BFEF_B891579D40C9_.wvu.PrintArea" localSheetId="0" hidden="1">NEW別記３様式２!$B$1:$U$74</definedName>
    <definedName name="Z_5D805DA5_5B83_4DA7_AD1F_0A528C0D7036_.wvu.PrintArea" localSheetId="1" hidden="1">'(参考)現行の勤務医報告'!$A$1:$D$20</definedName>
    <definedName name="Z_5D805DA5_5B83_4DA7_AD1F_0A528C0D7036_.wvu.PrintArea" localSheetId="0" hidden="1">NEW別記３様式２!$B$1:$U$74</definedName>
    <definedName name="Z_69CDDE8E_4570_4BA1_94E3_16D081512935_.wvu.PrintArea" localSheetId="1" hidden="1">'(参考)現行の勤務医報告'!$A$1:$D$20</definedName>
    <definedName name="Z_69CDDE8E_4570_4BA1_94E3_16D081512935_.wvu.PrintArea" localSheetId="0" hidden="1">NEW別記３様式２!$B$1:$U$74</definedName>
    <definedName name="Z_73BCDB9B_F610_4914_B01C_136D6132314D_.wvu.PrintArea" localSheetId="1" hidden="1">'(参考)現行の勤務医報告'!$A$1:$D$20</definedName>
    <definedName name="Z_73BCDB9B_F610_4914_B01C_136D6132314D_.wvu.PrintArea" localSheetId="0" hidden="1">NEW別記３様式２!$B$1:$U$74</definedName>
    <definedName name="Z_B54DE1DF_A17A_4AD2_83A8_C44B3EE7B785_.wvu.PrintArea" localSheetId="1" hidden="1">'(参考)現行の勤務医報告'!$A$1:$D$20</definedName>
    <definedName name="Z_B54DE1DF_A17A_4AD2_83A8_C44B3EE7B785_.wvu.PrintArea" localSheetId="0" hidden="1">NEW別記３様式２!$B$1:$U$74</definedName>
  </definedNames>
  <calcPr calcId="162913"/>
  <customWorkbookViews>
    <customWorkbookView name="飯村（医療課） - 個人用ビュー" guid="{37B6CBE4-2B19-49FC-BFEF-B891579D40C9}" mergeInterval="0" personalView="1" maximized="1" xWindow="-8" yWindow="-8" windowWidth="1936" windowHeight="1056" activeSheetId="1" showComments="commIndAndComment"/>
    <customWorkbookView name="お客様 - 個人用ビュー" guid="{73BCDB9B-F610-4914-B01C-136D6132314D}" mergeInterval="0" personalView="1" maximized="1" xWindow="-8" yWindow="-8" windowWidth="1936" windowHeight="1056" activeSheetId="1"/>
    <customWorkbookView name="厚生労働省ネットワークシステム - 個人用ビュー" guid="{5D805DA5-5B83-4DA7-AD1F-0A528C0D7036}" mergeInterval="0" personalView="1" maximized="1" xWindow="1" yWindow="1" windowWidth="1276" windowHeight="581" activeSheetId="1"/>
    <customWorkbookView name="せき - 個人用ビュー" guid="{69CDDE8E-4570-4BA1-94E3-16D081512935}" mergeInterval="0" personalView="1" maximized="1" windowWidth="1596" windowHeight="951" activeSheetId="1"/>
    <customWorkbookView name="user - 個人用ビュー" guid="{B54DE1DF-A17A-4AD2-83A8-C44B3EE7B785}" mergeInterval="0" personalView="1" maximized="1" xWindow="-8" yWindow="-8" windowWidth="1936" windowHeight="1034" activeSheetId="1"/>
  </customWorkbookViews>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authors>
    <author>小川 貴紀(ogawa-takanori.ju0)</author>
  </authors>
  <commentList>
    <comment ref="C9" authorId="0" shapeId="0">
      <text>
        <r>
          <rPr>
            <b/>
            <sz val="12"/>
            <color indexed="81"/>
            <rFont val="MS P ゴシック"/>
            <family val="3"/>
            <charset val="128"/>
          </rPr>
          <t>色塗り部分は数字だけ記入すること。</t>
        </r>
      </text>
    </comment>
    <comment ref="D28" authorId="0" shapeId="0">
      <text>
        <r>
          <rPr>
            <b/>
            <sz val="12"/>
            <color indexed="81"/>
            <rFont val="MS P ゴシック"/>
            <family val="3"/>
            <charset val="128"/>
          </rPr>
          <t>色塗り部分に数字だけ記入すること。</t>
        </r>
        <r>
          <rPr>
            <sz val="9"/>
            <color indexed="81"/>
            <rFont val="MS P ゴシック"/>
            <family val="3"/>
            <charset val="128"/>
          </rPr>
          <t xml:space="preserve">
</t>
        </r>
      </text>
    </comment>
    <comment ref="D35" authorId="0" shapeId="0">
      <text>
        <r>
          <rPr>
            <b/>
            <sz val="12"/>
            <color indexed="81"/>
            <rFont val="MS P ゴシック"/>
            <family val="3"/>
            <charset val="128"/>
          </rPr>
          <t>色塗り部分に数字だけ記入すること。</t>
        </r>
        <r>
          <rPr>
            <sz val="9"/>
            <color indexed="81"/>
            <rFont val="MS P ゴシック"/>
            <family val="3"/>
            <charset val="128"/>
          </rPr>
          <t xml:space="preserve">
</t>
        </r>
      </text>
    </comment>
    <comment ref="C57" authorId="0" shapeId="0">
      <text>
        <r>
          <rPr>
            <b/>
            <sz val="12"/>
            <color indexed="81"/>
            <rFont val="MS P ゴシック"/>
            <family val="3"/>
            <charset val="128"/>
          </rPr>
          <t>色塗り部分は数字だけ記入すること。</t>
        </r>
      </text>
    </comment>
    <comment ref="C62" authorId="0" shapeId="0">
      <text>
        <r>
          <rPr>
            <b/>
            <sz val="12"/>
            <color indexed="81"/>
            <rFont val="MS P ゴシック"/>
            <family val="3"/>
            <charset val="128"/>
          </rPr>
          <t>色塗り部分は数字だけ記入すること。</t>
        </r>
      </text>
    </comment>
  </commentList>
</comments>
</file>

<file path=xl/sharedStrings.xml><?xml version="1.0" encoding="utf-8"?>
<sst xmlns="http://schemas.openxmlformats.org/spreadsheetml/2006/main" count="143" uniqueCount="117">
  <si>
    <t>勤務医の負担の軽減及び処遇の改善に資する体制</t>
    <rPh sb="0" eb="3">
      <t>キンムイ</t>
    </rPh>
    <rPh sb="4" eb="6">
      <t>フタン</t>
    </rPh>
    <rPh sb="7" eb="9">
      <t>ケイゲン</t>
    </rPh>
    <rPh sb="9" eb="10">
      <t>オヨ</t>
    </rPh>
    <rPh sb="11" eb="13">
      <t>ショグウ</t>
    </rPh>
    <rPh sb="14" eb="16">
      <t>カイゼン</t>
    </rPh>
    <rPh sb="17" eb="18">
      <t>シ</t>
    </rPh>
    <rPh sb="20" eb="22">
      <t>タイセイ</t>
    </rPh>
    <phoneticPr fontId="2"/>
  </si>
  <si>
    <t>新規申請時の状況について記載する事項</t>
    <rPh sb="0" eb="2">
      <t>シンキ</t>
    </rPh>
    <rPh sb="2" eb="4">
      <t>シンセイ</t>
    </rPh>
    <rPh sb="4" eb="5">
      <t>ジ</t>
    </rPh>
    <rPh sb="6" eb="8">
      <t>ジョウキョウ</t>
    </rPh>
    <rPh sb="12" eb="14">
      <t>キサイ</t>
    </rPh>
    <rPh sb="16" eb="18">
      <t>ジコウ</t>
    </rPh>
    <phoneticPr fontId="2"/>
  </si>
  <si>
    <t>　（□には、適合する場合「✓」を記入すること）</t>
    <phoneticPr fontId="2"/>
  </si>
  <si>
    <t>（１）　勤務医の勤務時間及び当直を含めた夜間の勤務状況の把握</t>
    <rPh sb="4" eb="7">
      <t>キンムイ</t>
    </rPh>
    <rPh sb="8" eb="10">
      <t>キンム</t>
    </rPh>
    <rPh sb="10" eb="12">
      <t>ジカン</t>
    </rPh>
    <rPh sb="12" eb="13">
      <t>オヨ</t>
    </rPh>
    <rPh sb="14" eb="16">
      <t>トウチョク</t>
    </rPh>
    <rPh sb="17" eb="18">
      <t>フク</t>
    </rPh>
    <rPh sb="20" eb="22">
      <t>ヤカン</t>
    </rPh>
    <rPh sb="23" eb="25">
      <t>キンム</t>
    </rPh>
    <rPh sb="25" eb="27">
      <t>ジョウキョウ</t>
    </rPh>
    <rPh sb="28" eb="30">
      <t>ハアク</t>
    </rPh>
    <phoneticPr fontId="2"/>
  </si>
  <si>
    <t>ア　医療機関に勤務する医師数</t>
    <rPh sb="2" eb="4">
      <t>イリョウ</t>
    </rPh>
    <rPh sb="4" eb="6">
      <t>キカン</t>
    </rPh>
    <rPh sb="7" eb="9">
      <t>キンム</t>
    </rPh>
    <rPh sb="11" eb="14">
      <t>イシスウ</t>
    </rPh>
    <phoneticPr fontId="2"/>
  </si>
  <si>
    <t>常勤：</t>
    <rPh sb="0" eb="2">
      <t>ジョウキン</t>
    </rPh>
    <phoneticPr fontId="2"/>
  </si>
  <si>
    <t>非常勤：</t>
    <rPh sb="0" eb="3">
      <t>ヒジョウキン</t>
    </rPh>
    <phoneticPr fontId="2"/>
  </si>
  <si>
    <t>宿日直（＊１）を担当する医師数：</t>
    <rPh sb="0" eb="1">
      <t>シュク</t>
    </rPh>
    <rPh sb="1" eb="3">
      <t>ニッチョク</t>
    </rPh>
    <rPh sb="8" eb="10">
      <t>タントウ</t>
    </rPh>
    <rPh sb="12" eb="15">
      <t>イシスウ</t>
    </rPh>
    <phoneticPr fontId="2"/>
  </si>
  <si>
    <t>＊１ 宿日直については、平日の平均的な１日における体制を記載すること）</t>
    <rPh sb="3" eb="6">
      <t>シュクニッチョク</t>
    </rPh>
    <rPh sb="12" eb="14">
      <t>ヘイジツ</t>
    </rPh>
    <rPh sb="15" eb="18">
      <t>ヘイキンテキ</t>
    </rPh>
    <rPh sb="20" eb="21">
      <t>ニチ</t>
    </rPh>
    <rPh sb="25" eb="27">
      <t>タイセイ</t>
    </rPh>
    <rPh sb="28" eb="30">
      <t>キサイ</t>
    </rPh>
    <phoneticPr fontId="2"/>
  </si>
  <si>
    <t>＊２  前年度の実績を記載。</t>
    <rPh sb="4" eb="7">
      <t>ゼンネンド</t>
    </rPh>
    <rPh sb="8" eb="10">
      <t>ジッセキ</t>
    </rPh>
    <rPh sb="11" eb="13">
      <t>キサイ</t>
    </rPh>
    <phoneticPr fontId="2"/>
  </si>
  <si>
    <t>＊３ 所定労働時間をあらかじめ減じた勤務体制としている者</t>
    <phoneticPr fontId="2"/>
  </si>
  <si>
    <t>（ウ） 超過勤務時間（時間／月）（＊４）</t>
    <rPh sb="4" eb="6">
      <t>チョウカ</t>
    </rPh>
    <rPh sb="6" eb="8">
      <t>キンム</t>
    </rPh>
    <rPh sb="8" eb="10">
      <t>ジカン</t>
    </rPh>
    <rPh sb="11" eb="13">
      <t>ジカン</t>
    </rPh>
    <rPh sb="14" eb="15">
      <t>ツキ</t>
    </rPh>
    <phoneticPr fontId="2"/>
  </si>
  <si>
    <t>平均：</t>
    <rPh sb="0" eb="2">
      <t>ヘイキン</t>
    </rPh>
    <phoneticPr fontId="2"/>
  </si>
  <si>
    <t>80時間／月以上の者の人数：</t>
    <rPh sb="2" eb="4">
      <t>ジカン</t>
    </rPh>
    <rPh sb="5" eb="6">
      <t>ツキ</t>
    </rPh>
    <rPh sb="6" eb="8">
      <t>イジョウ</t>
    </rPh>
    <rPh sb="9" eb="10">
      <t>シャ</t>
    </rPh>
    <rPh sb="11" eb="13">
      <t>ニンズウ</t>
    </rPh>
    <phoneticPr fontId="2"/>
  </si>
  <si>
    <t>＊４ 常勤医における値を記載。</t>
    <rPh sb="3" eb="5">
      <t>ジョウキン</t>
    </rPh>
    <rPh sb="5" eb="6">
      <t>イ</t>
    </rPh>
    <rPh sb="10" eb="11">
      <t>アタイ</t>
    </rPh>
    <rPh sb="12" eb="14">
      <t>キサイ</t>
    </rPh>
    <phoneticPr fontId="2"/>
  </si>
  <si>
    <t xml:space="preserve">＊４ 超過勤務時間： 法定休日以外の日において１日につき８時間を超えて労働した時間並びに１週について40時間を超えて
</t>
    <rPh sb="3" eb="5">
      <t>チョウカ</t>
    </rPh>
    <rPh sb="5" eb="7">
      <t>キンム</t>
    </rPh>
    <rPh sb="7" eb="9">
      <t>ジカン</t>
    </rPh>
    <rPh sb="41" eb="42">
      <t>ナラ</t>
    </rPh>
    <phoneticPr fontId="2"/>
  </si>
  <si>
    <t>　　　労働した時間数及び法定休日（週に１日、又は、４週につき４日付与する義務あり）において労働した時間の総和</t>
    <rPh sb="52" eb="53">
      <t>ソウ</t>
    </rPh>
    <phoneticPr fontId="2"/>
  </si>
  <si>
    <t>（エ） 宿日直（回／月）</t>
    <rPh sb="4" eb="7">
      <t>シュクニッチョク</t>
    </rPh>
    <rPh sb="8" eb="9">
      <t>カイ</t>
    </rPh>
    <rPh sb="10" eb="11">
      <t>ツキ</t>
    </rPh>
    <phoneticPr fontId="2"/>
  </si>
  <si>
    <t>（２）　勤務医の負担の軽減及び処遇の改善に資する体制</t>
    <phoneticPr fontId="2"/>
  </si>
  <si>
    <t>職種：</t>
    <phoneticPr fontId="2"/>
  </si>
  <si>
    <t>〔記載上の注意〕</t>
  </si>
  <si>
    <t>様式13の２</t>
    <rPh sb="0" eb="2">
      <t>ヨウシキ</t>
    </rPh>
    <phoneticPr fontId="2"/>
  </si>
  <si>
    <t>病院勤務医の負担の軽減及び処遇の改善に対する体制　（新規・４月報告）</t>
    <rPh sb="9" eb="11">
      <t>ケイゲン</t>
    </rPh>
    <rPh sb="11" eb="12">
      <t>オヨ</t>
    </rPh>
    <rPh sb="13" eb="15">
      <t>ショグウ</t>
    </rPh>
    <rPh sb="16" eb="18">
      <t>カイゼン</t>
    </rPh>
    <rPh sb="22" eb="24">
      <t>タイセイ</t>
    </rPh>
    <rPh sb="26" eb="28">
      <t>シンキ</t>
    </rPh>
    <rPh sb="30" eb="31">
      <t>ガツ</t>
    </rPh>
    <rPh sb="31" eb="33">
      <t>ホウコク</t>
    </rPh>
    <phoneticPr fontId="2"/>
  </si>
  <si>
    <t>１　病院勤務医の負担の軽減及び処遇の改善を要件とする入院料等の届出状況（既に届出を行っているものについてチェックし、届出年月日を記載すること。）</t>
    <rPh sb="2" eb="4">
      <t>ビョウイン</t>
    </rPh>
    <rPh sb="4" eb="7">
      <t>キンムイ</t>
    </rPh>
    <rPh sb="8" eb="10">
      <t>フタン</t>
    </rPh>
    <rPh sb="11" eb="13">
      <t>ケイゲン</t>
    </rPh>
    <rPh sb="13" eb="14">
      <t>オヨ</t>
    </rPh>
    <rPh sb="15" eb="17">
      <t>ショグウ</t>
    </rPh>
    <rPh sb="18" eb="20">
      <t>カイゼン</t>
    </rPh>
    <rPh sb="21" eb="23">
      <t>ヨウケン</t>
    </rPh>
    <rPh sb="26" eb="29">
      <t>ニュウインリョウ</t>
    </rPh>
    <rPh sb="29" eb="30">
      <t>トウ</t>
    </rPh>
    <phoneticPr fontId="2"/>
  </si>
  <si>
    <t>項目名</t>
    <rPh sb="0" eb="3">
      <t>コウモクメイ</t>
    </rPh>
    <phoneticPr fontId="2"/>
  </si>
  <si>
    <t>届出年月日</t>
    <rPh sb="0" eb="2">
      <t>トドケデ</t>
    </rPh>
    <rPh sb="2" eb="5">
      <t>ネンガッピ</t>
    </rPh>
    <phoneticPr fontId="2"/>
  </si>
  <si>
    <t>□　総合入院体制加算</t>
    <rPh sb="2" eb="4">
      <t>ソウゴウ</t>
    </rPh>
    <rPh sb="4" eb="6">
      <t>ニュウイン</t>
    </rPh>
    <rPh sb="6" eb="8">
      <t>タイセイ</t>
    </rPh>
    <rPh sb="8" eb="10">
      <t>カサン</t>
    </rPh>
    <phoneticPr fontId="2"/>
  </si>
  <si>
    <t>　　年　　月　　日</t>
  </si>
  <si>
    <t>□　栄養サポートチーム加算</t>
    <rPh sb="2" eb="4">
      <t>エイヨウ</t>
    </rPh>
    <rPh sb="11" eb="13">
      <t>カサン</t>
    </rPh>
    <phoneticPr fontId="2"/>
  </si>
  <si>
    <t>□　医師事務作業補助体制加算
　　（　　　対１補助体制加算）</t>
    <phoneticPr fontId="2"/>
  </si>
  <si>
    <t>□　呼吸ケアチーム加算</t>
    <rPh sb="2" eb="4">
      <t>コキュウ</t>
    </rPh>
    <rPh sb="9" eb="11">
      <t>カサン</t>
    </rPh>
    <phoneticPr fontId="2"/>
  </si>
  <si>
    <t>□　ハイリスク分娩管理加算</t>
    <rPh sb="7" eb="9">
      <t>ブンベン</t>
    </rPh>
    <rPh sb="9" eb="11">
      <t>カンリ</t>
    </rPh>
    <rPh sb="11" eb="13">
      <t>カサン</t>
    </rPh>
    <phoneticPr fontId="2"/>
  </si>
  <si>
    <t>□　救命救急入院料　注３加算</t>
    <rPh sb="2" eb="4">
      <t>キュウメイ</t>
    </rPh>
    <rPh sb="4" eb="6">
      <t>キュウキュウ</t>
    </rPh>
    <rPh sb="6" eb="9">
      <t>ニュウインリョウ</t>
    </rPh>
    <rPh sb="10" eb="11">
      <t>チュウ</t>
    </rPh>
    <rPh sb="12" eb="14">
      <t>カサン</t>
    </rPh>
    <phoneticPr fontId="2"/>
  </si>
  <si>
    <t>□　急性期看護補助体制加算</t>
    <rPh sb="2" eb="5">
      <t>キュウセイキ</t>
    </rPh>
    <rPh sb="5" eb="7">
      <t>カンゴ</t>
    </rPh>
    <rPh sb="7" eb="9">
      <t>ホジョ</t>
    </rPh>
    <rPh sb="9" eb="11">
      <t>タイセイ</t>
    </rPh>
    <rPh sb="11" eb="13">
      <t>カサン</t>
    </rPh>
    <phoneticPr fontId="2"/>
  </si>
  <si>
    <t>□　小児入院医療管理料１又は２（該当する方に○をつけること）</t>
    <rPh sb="2" eb="4">
      <t>ショウニ</t>
    </rPh>
    <rPh sb="4" eb="6">
      <t>ニュウイン</t>
    </rPh>
    <rPh sb="6" eb="8">
      <t>イリョウ</t>
    </rPh>
    <rPh sb="8" eb="11">
      <t>カンリリョウ</t>
    </rPh>
    <rPh sb="12" eb="13">
      <t>マタ</t>
    </rPh>
    <rPh sb="16" eb="18">
      <t>ガイトウ</t>
    </rPh>
    <rPh sb="20" eb="21">
      <t>ホウ</t>
    </rPh>
    <phoneticPr fontId="2"/>
  </si>
  <si>
    <t>２　新規届出時又は毎年４月の報告時点の状況について記載する事項</t>
    <rPh sb="2" eb="4">
      <t>シンキ</t>
    </rPh>
    <rPh sb="4" eb="6">
      <t>トドケデ</t>
    </rPh>
    <rPh sb="6" eb="7">
      <t>ジ</t>
    </rPh>
    <rPh sb="7" eb="8">
      <t>マタ</t>
    </rPh>
    <rPh sb="9" eb="11">
      <t>マイネン</t>
    </rPh>
    <rPh sb="12" eb="13">
      <t>ガツ</t>
    </rPh>
    <rPh sb="14" eb="16">
      <t>ホウコク</t>
    </rPh>
    <rPh sb="16" eb="17">
      <t>ジ</t>
    </rPh>
    <rPh sb="17" eb="18">
      <t>テン</t>
    </rPh>
    <rPh sb="19" eb="21">
      <t>ジョウキョウ</t>
    </rPh>
    <rPh sb="25" eb="27">
      <t>キサイ</t>
    </rPh>
    <rPh sb="29" eb="31">
      <t>ジコウ</t>
    </rPh>
    <phoneticPr fontId="2"/>
  </si>
  <si>
    <r>
      <t>平成</t>
    </r>
    <r>
      <rPr>
        <u/>
        <sz val="12"/>
        <rFont val="ＭＳ Ｐゴシック"/>
        <family val="3"/>
        <charset val="128"/>
      </rPr>
      <t>　　　</t>
    </r>
    <r>
      <rPr>
        <sz val="12"/>
        <rFont val="ＭＳ Ｐゴシック"/>
        <family val="3"/>
        <charset val="128"/>
      </rPr>
      <t>年</t>
    </r>
    <r>
      <rPr>
        <u/>
        <sz val="12"/>
        <rFont val="ＭＳ Ｐゴシック"/>
        <family val="3"/>
        <charset val="128"/>
      </rPr>
      <t>　　　</t>
    </r>
    <r>
      <rPr>
        <sz val="12"/>
        <rFont val="ＭＳ Ｐゴシック"/>
        <family val="3"/>
        <charset val="128"/>
      </rPr>
      <t>月</t>
    </r>
    <r>
      <rPr>
        <u/>
        <sz val="12"/>
        <rFont val="ＭＳ Ｐゴシック"/>
        <family val="3"/>
        <charset val="128"/>
      </rPr>
      <t>　　　</t>
    </r>
    <r>
      <rPr>
        <sz val="12"/>
        <rFont val="ＭＳ Ｐゴシック"/>
        <family val="3"/>
        <charset val="128"/>
      </rPr>
      <t>日時点の病院勤務医の負担の軽減に対する体制の状況
（１）　病院勤務医の負担の軽減及び処遇の改善に資する計画
　□　医師・看護師等の業務分担
　□　医師事務作業補助者の配置
　□　短時間正規雇用の医師の活用
　□　地域の他の医療機関との連携体制
　□　交代勤務制の導入
　□　外来縮小の取組み
　　　ア　初診における選定療養の額　　　　</t>
    </r>
    <r>
      <rPr>
        <u/>
        <sz val="12"/>
        <rFont val="ＭＳ Ｐゴシック"/>
        <family val="3"/>
        <charset val="128"/>
      </rPr>
      <t>　　　　　　</t>
    </r>
    <r>
      <rPr>
        <sz val="12"/>
        <rFont val="ＭＳ Ｐゴシック"/>
        <family val="3"/>
        <charset val="128"/>
      </rPr>
      <t>円
　　　イ　診療情報提供料等を算定する割合　</t>
    </r>
    <r>
      <rPr>
        <u/>
        <sz val="12"/>
        <rFont val="ＭＳ Ｐゴシック"/>
        <family val="3"/>
        <charset val="128"/>
      </rPr>
      <t>　　　　　　</t>
    </r>
    <r>
      <rPr>
        <sz val="12"/>
        <rFont val="ＭＳ Ｐゴシック"/>
        <family val="3"/>
        <charset val="128"/>
      </rPr>
      <t>割
　□　その他</t>
    </r>
    <rPh sb="0" eb="2">
      <t>ヘイセイ</t>
    </rPh>
    <rPh sb="5" eb="6">
      <t>ネン</t>
    </rPh>
    <rPh sb="9" eb="10">
      <t>ガツ</t>
    </rPh>
    <rPh sb="13" eb="14">
      <t>ニチ</t>
    </rPh>
    <rPh sb="14" eb="16">
      <t>ジテン</t>
    </rPh>
    <rPh sb="17" eb="19">
      <t>ビョウイン</t>
    </rPh>
    <rPh sb="19" eb="22">
      <t>キンムイ</t>
    </rPh>
    <rPh sb="23" eb="25">
      <t>フタン</t>
    </rPh>
    <rPh sb="26" eb="28">
      <t>ケイゲン</t>
    </rPh>
    <rPh sb="29" eb="30">
      <t>タイ</t>
    </rPh>
    <rPh sb="32" eb="34">
      <t>タイセイ</t>
    </rPh>
    <rPh sb="35" eb="37">
      <t>ジョウキョウ</t>
    </rPh>
    <rPh sb="43" eb="45">
      <t>ビョウイン</t>
    </rPh>
    <rPh sb="45" eb="48">
      <t>キンムイ</t>
    </rPh>
    <rPh sb="49" eb="51">
      <t>フタン</t>
    </rPh>
    <rPh sb="52" eb="54">
      <t>ケイゲン</t>
    </rPh>
    <rPh sb="54" eb="55">
      <t>オヨ</t>
    </rPh>
    <rPh sb="56" eb="58">
      <t>ショグウ</t>
    </rPh>
    <rPh sb="59" eb="61">
      <t>カイゼン</t>
    </rPh>
    <rPh sb="62" eb="63">
      <t>シ</t>
    </rPh>
    <rPh sb="65" eb="67">
      <t>ケイカク</t>
    </rPh>
    <rPh sb="71" eb="73">
      <t>イシ</t>
    </rPh>
    <rPh sb="74" eb="77">
      <t>カンゴシ</t>
    </rPh>
    <rPh sb="77" eb="78">
      <t>トウ</t>
    </rPh>
    <rPh sb="79" eb="81">
      <t>ギョウム</t>
    </rPh>
    <rPh sb="81" eb="83">
      <t>ブンタン</t>
    </rPh>
    <rPh sb="87" eb="89">
      <t>イシ</t>
    </rPh>
    <rPh sb="89" eb="91">
      <t>ジム</t>
    </rPh>
    <rPh sb="91" eb="93">
      <t>サギョウ</t>
    </rPh>
    <rPh sb="93" eb="95">
      <t>ホジョ</t>
    </rPh>
    <rPh sb="95" eb="96">
      <t>シャ</t>
    </rPh>
    <rPh sb="97" eb="99">
      <t>ハイチ</t>
    </rPh>
    <rPh sb="120" eb="122">
      <t>チイキ</t>
    </rPh>
    <rPh sb="123" eb="124">
      <t>タ</t>
    </rPh>
    <rPh sb="125" eb="127">
      <t>イリョウ</t>
    </rPh>
    <rPh sb="127" eb="129">
      <t>キカン</t>
    </rPh>
    <rPh sb="131" eb="133">
      <t>レンケイ</t>
    </rPh>
    <rPh sb="133" eb="135">
      <t>タイセイ</t>
    </rPh>
    <rPh sb="139" eb="141">
      <t>コウタイ</t>
    </rPh>
    <rPh sb="141" eb="144">
      <t>キンムセイ</t>
    </rPh>
    <rPh sb="145" eb="147">
      <t>ドウニュウ</t>
    </rPh>
    <rPh sb="151" eb="153">
      <t>ガイライ</t>
    </rPh>
    <rPh sb="153" eb="155">
      <t>シュクショウ</t>
    </rPh>
    <rPh sb="156" eb="158">
      <t>トリクミ</t>
    </rPh>
    <rPh sb="165" eb="167">
      <t>ショシン</t>
    </rPh>
    <rPh sb="171" eb="173">
      <t>センテイ</t>
    </rPh>
    <rPh sb="173" eb="175">
      <t>リョウヨウ</t>
    </rPh>
    <rPh sb="176" eb="177">
      <t>ガク</t>
    </rPh>
    <rPh sb="187" eb="188">
      <t>エン</t>
    </rPh>
    <rPh sb="194" eb="196">
      <t>シンリョウ</t>
    </rPh>
    <rPh sb="196" eb="198">
      <t>ジョウホウ</t>
    </rPh>
    <rPh sb="198" eb="201">
      <t>テイキョウリョウ</t>
    </rPh>
    <rPh sb="201" eb="202">
      <t>トウ</t>
    </rPh>
    <rPh sb="203" eb="205">
      <t>サンテイ</t>
    </rPh>
    <rPh sb="207" eb="209">
      <t>ワリアイ</t>
    </rPh>
    <rPh sb="216" eb="217">
      <t>ワリ</t>
    </rPh>
    <rPh sb="223" eb="224">
      <t>タ</t>
    </rPh>
    <phoneticPr fontId="2"/>
  </si>
  <si>
    <t>（２）　病院勤務医の勤務時間の把握等
　□　勤務時間　（平均週　　　　　　　時間（うち、残業　　　　　　時間））
　□　連続当直を行わない勤務シフト（平均月当たり当直回数　　　　　　回）
　□　当直翌日の通常勤務に係る配慮（□　当直翌日は休日としている　□当直翌日の業務内容の配慮を
　　　行っている　　□　その他（具体的に：　　　　　　　　　　　　　　　　　　　　　　　　　　　　　　））
　□　業務の量や内容を把握した上で、特定の個人に業務が集中しないような勤務体系の策定
　□　その他</t>
    <phoneticPr fontId="2"/>
  </si>
  <si>
    <t>（３）　職員等に対する周知　（　有　　　　　　無　）
　　具体的な周知方法（　　　　　　　　　　　　　　　　　　　　　　　　　　　　　　　　　　　　　　　　　　　　　　　　　　　　　）</t>
    <phoneticPr fontId="2"/>
  </si>
  <si>
    <t>（４）　役割分担推進のための委員会又は会議
　　ア　開催頻度　　（　　　　　　　回/年）
　　イ　参加人数　　（平均　　　　人/回）　参加職種（　　　　　　　　　　　　　　　　　　　　　　　　　　　　　　　　　　　）</t>
    <phoneticPr fontId="2"/>
  </si>
  <si>
    <t>（５）　勤務医の負担軽減及び処遇改善に係る責任者　　（名前：　　　　　　　　　　　　　　　職種：　　　　　　　　　）</t>
    <rPh sb="4" eb="7">
      <t>キンムイ</t>
    </rPh>
    <rPh sb="8" eb="10">
      <t>フタン</t>
    </rPh>
    <rPh sb="10" eb="12">
      <t>ケイゲン</t>
    </rPh>
    <rPh sb="12" eb="13">
      <t>オヨ</t>
    </rPh>
    <rPh sb="14" eb="16">
      <t>ショグウ</t>
    </rPh>
    <rPh sb="16" eb="18">
      <t>カイゼン</t>
    </rPh>
    <rPh sb="19" eb="20">
      <t>カカ</t>
    </rPh>
    <rPh sb="21" eb="24">
      <t>セキニンシャ</t>
    </rPh>
    <rPh sb="27" eb="29">
      <t>ナマエ</t>
    </rPh>
    <rPh sb="45" eb="47">
      <t>ショクシュ</t>
    </rPh>
    <phoneticPr fontId="2"/>
  </si>
  <si>
    <t xml:space="preserve">１　病院勤務医の負担の軽減及び処遇の改善に対する体制について、実施しているものにチェック
</t>
    <rPh sb="13" eb="14">
      <t>オヨ</t>
    </rPh>
    <rPh sb="15" eb="17">
      <t>ショグウ</t>
    </rPh>
    <rPh sb="18" eb="20">
      <t>カイゼン</t>
    </rPh>
    <phoneticPr fontId="1"/>
  </si>
  <si>
    <t xml:space="preserve">  を行うとともに、具体的な計画についてその写し（様式自由）を添付すること。</t>
  </si>
  <si>
    <t>２　診療情報提供料等を算定する割合とは、 ① 区分番号「Ｂ００９」診療情報提供料（Ⅰ）の「注</t>
  </si>
  <si>
    <t xml:space="preserve">  ７」の加算を算定する退院患者及び ② 転帰が治癒であり通院の必要のない退院患者の合計を、総</t>
  </si>
  <si>
    <t xml:space="preserve">  退院患者数（ただし、外来化学療法又は外来放射線療法に係る専門外来並びにＨＩＶ等に係る専門</t>
  </si>
  <si>
    <t xml:space="preserve">  外来の患者を除く。）で除したものの割合。</t>
  </si>
  <si>
    <t>３　勤務時間及び当直回数の算出に当たっては、常勤の医師及び週24時間以上勤務する非常勤の医師</t>
  </si>
  <si>
    <t xml:space="preserve">  を対象とすること。</t>
  </si>
  <si>
    <t xml:space="preserve">４　前年度にも届出又は実績の報告を行っている場合には、前年度に提出した当該様式の写しを添付     </t>
  </si>
  <si>
    <t xml:space="preserve">  すること。 </t>
  </si>
  <si>
    <t>５　急性期看護補助体制加算の届出を行う場合には、看護職員の負担の軽減及び処遇の改善の計画や</t>
  </si>
  <si>
    <t xml:space="preserve">  評価等が分かる文書を添付すること。</t>
  </si>
  <si>
    <t>（令和</t>
    <phoneticPr fontId="2"/>
  </si>
  <si>
    <t>年</t>
    <phoneticPr fontId="2"/>
  </si>
  <si>
    <t>名</t>
    <phoneticPr fontId="2"/>
  </si>
  <si>
    <t>名</t>
    <rPh sb="0" eb="1">
      <t>メイ</t>
    </rPh>
    <phoneticPr fontId="2"/>
  </si>
  <si>
    <t>（うち非常勤</t>
    <phoneticPr fontId="2"/>
  </si>
  <si>
    <t>名）</t>
    <phoneticPr fontId="2"/>
  </si>
  <si>
    <t>タイムカード</t>
    <phoneticPr fontId="2"/>
  </si>
  <si>
    <t>出席簿又は管理簿等の用紙による記録（上司等による客観的な確認あり）</t>
    <phoneticPr fontId="2"/>
  </si>
  <si>
    <t>その他</t>
    <phoneticPr fontId="2"/>
  </si>
  <si>
    <t>　</t>
    <phoneticPr fontId="2"/>
  </si>
  <si>
    <t>イ　勤務医の勤務状況の把握等（令和</t>
    <rPh sb="2" eb="5">
      <t>キンムイ</t>
    </rPh>
    <phoneticPr fontId="2"/>
  </si>
  <si>
    <t>年次有給休暇取得率</t>
    <phoneticPr fontId="2"/>
  </si>
  <si>
    <t>時短勤務実施者（＊３）数</t>
    <phoneticPr fontId="2"/>
  </si>
  <si>
    <t>育児休業・介護休業の取得率</t>
    <phoneticPr fontId="2"/>
  </si>
  <si>
    <t>時間／月</t>
    <phoneticPr fontId="2"/>
  </si>
  <si>
    <t>最大：</t>
    <phoneticPr fontId="2"/>
  </si>
  <si>
    <t>155時間／月以上の者の人数：</t>
    <phoneticPr fontId="2"/>
  </si>
  <si>
    <t>最小：</t>
    <phoneticPr fontId="2"/>
  </si>
  <si>
    <t>平均：</t>
    <phoneticPr fontId="2"/>
  </si>
  <si>
    <t>回／月</t>
    <phoneticPr fontId="2"/>
  </si>
  <si>
    <t>名・のべ</t>
    <phoneticPr fontId="2"/>
  </si>
  <si>
    <t>回</t>
    <phoneticPr fontId="2"/>
  </si>
  <si>
    <t>（オ） その他（自由記載・補足等）</t>
    <phoneticPr fontId="2"/>
  </si>
  <si>
    <t>　　　　　　　　　　</t>
    <phoneticPr fontId="2"/>
  </si>
  <si>
    <t>氏名：　</t>
    <phoneticPr fontId="2"/>
  </si>
  <si>
    <t>開催頻度：</t>
    <phoneticPr fontId="2"/>
  </si>
  <si>
    <t>回／年</t>
    <phoneticPr fontId="2"/>
  </si>
  <si>
    <t>参加人数（平均）：</t>
    <phoneticPr fontId="2"/>
  </si>
  <si>
    <t>人／回</t>
    <phoneticPr fontId="2"/>
  </si>
  <si>
    <t>参加職種：（</t>
    <phoneticPr fontId="2"/>
  </si>
  <si>
    <t>）</t>
    <phoneticPr fontId="2"/>
  </si>
  <si>
    <t>（具体的に：</t>
    <phoneticPr fontId="2"/>
  </si>
  <si>
    <t>（具体的に：　　　　</t>
    <phoneticPr fontId="2"/>
  </si>
  <si>
    <t>初回の策定年月日：</t>
    <phoneticPr fontId="2"/>
  </si>
  <si>
    <t>年</t>
    <rPh sb="0" eb="1">
      <t>ネン</t>
    </rPh>
    <phoneticPr fontId="2"/>
  </si>
  <si>
    <t>月</t>
    <rPh sb="0" eb="1">
      <t>ツキ</t>
    </rPh>
    <phoneticPr fontId="2"/>
  </si>
  <si>
    <t>日</t>
    <rPh sb="0" eb="1">
      <t>ヒ</t>
    </rPh>
    <phoneticPr fontId="2"/>
  </si>
  <si>
    <t>直近の更新年月日：</t>
    <phoneticPr fontId="2"/>
  </si>
  <si>
    <t>職員に対する計画の周知：（</t>
    <phoneticPr fontId="2"/>
  </si>
  <si>
    <t>医療機関内に掲示する等の方法で公開</t>
    <phoneticPr fontId="2"/>
  </si>
  <si>
    <t>　（具体的な公開方法：</t>
    <phoneticPr fontId="2"/>
  </si>
  <si>
    <t>　）</t>
    <phoneticPr fontId="2"/>
  </si>
  <si>
    <t>計画策定について</t>
    <phoneticPr fontId="2"/>
  </si>
  <si>
    <t>年　　</t>
    <phoneticPr fontId="2"/>
  </si>
  <si>
    <t>月末時点）</t>
    <rPh sb="1" eb="2">
      <t>スエ</t>
    </rPh>
    <phoneticPr fontId="2"/>
  </si>
  <si>
    <t>月末時点）</t>
    <phoneticPr fontId="2"/>
  </si>
  <si>
    <t>G-MISへの登録    ：</t>
    <rPh sb="7" eb="9">
      <t>トウロク</t>
    </rPh>
    <phoneticPr fontId="2"/>
  </si>
  <si>
    <t>※特定労務管理対象機関は登録が交付要件</t>
    <rPh sb="1" eb="3">
      <t>トクテイ</t>
    </rPh>
    <rPh sb="3" eb="5">
      <t>ロウム</t>
    </rPh>
    <rPh sb="5" eb="7">
      <t>カンリ</t>
    </rPh>
    <rPh sb="7" eb="9">
      <t>タイショウ</t>
    </rPh>
    <rPh sb="9" eb="11">
      <t>キカン</t>
    </rPh>
    <rPh sb="12" eb="14">
      <t>トウロク</t>
    </rPh>
    <rPh sb="15" eb="17">
      <t>コウフ</t>
    </rPh>
    <rPh sb="17" eb="19">
      <t>ヨウケン</t>
    </rPh>
    <phoneticPr fontId="2"/>
  </si>
  <si>
    <t>指定を受けていない　【A水準】</t>
    <rPh sb="0" eb="2">
      <t>シテイ</t>
    </rPh>
    <rPh sb="3" eb="4">
      <t>ウ</t>
    </rPh>
    <rPh sb="12" eb="14">
      <t>スイジュン</t>
    </rPh>
    <phoneticPr fontId="2"/>
  </si>
  <si>
    <t>特定地域医療提供機関　【Ｂ水準】</t>
    <rPh sb="0" eb="2">
      <t>トクテイ</t>
    </rPh>
    <rPh sb="2" eb="4">
      <t>チイキ</t>
    </rPh>
    <rPh sb="4" eb="6">
      <t>イリョウ</t>
    </rPh>
    <rPh sb="6" eb="8">
      <t>テイキョウ</t>
    </rPh>
    <rPh sb="8" eb="10">
      <t>キカン</t>
    </rPh>
    <rPh sb="13" eb="15">
      <t>スイジュン</t>
    </rPh>
    <phoneticPr fontId="2"/>
  </si>
  <si>
    <t>連携特定地域医療提供機関　【連携Ｂ水準】</t>
    <rPh sb="0" eb="2">
      <t>レンケイ</t>
    </rPh>
    <rPh sb="14" eb="16">
      <t>レンケイ</t>
    </rPh>
    <phoneticPr fontId="2"/>
  </si>
  <si>
    <t>技能向上研修機関　【C-1水準】</t>
    <rPh sb="0" eb="2">
      <t>ギノウ</t>
    </rPh>
    <rPh sb="2" eb="4">
      <t>コウジョウ</t>
    </rPh>
    <rPh sb="4" eb="6">
      <t>ケンシュウ</t>
    </rPh>
    <rPh sb="6" eb="8">
      <t>キカン</t>
    </rPh>
    <phoneticPr fontId="2"/>
  </si>
  <si>
    <t>特定高度技能研修機関　【C-2水準】</t>
    <rPh sb="0" eb="2">
      <t>トクテイ</t>
    </rPh>
    <rPh sb="2" eb="4">
      <t>コウド</t>
    </rPh>
    <rPh sb="4" eb="6">
      <t>ギノウ</t>
    </rPh>
    <rPh sb="6" eb="8">
      <t>ケンシュウ</t>
    </rPh>
    <phoneticPr fontId="2"/>
  </si>
  <si>
    <t>ＩＣカード</t>
    <phoneticPr fontId="2"/>
  </si>
  <si>
    <t>ア　特定労務対象医療機関の指定（該当する事項に全て〇すること）</t>
    <rPh sb="2" eb="4">
      <t>トクテイ</t>
    </rPh>
    <rPh sb="4" eb="6">
      <t>ロウム</t>
    </rPh>
    <rPh sb="6" eb="8">
      <t>タイショウ</t>
    </rPh>
    <rPh sb="8" eb="10">
      <t>イリョウ</t>
    </rPh>
    <rPh sb="10" eb="12">
      <t>キカン</t>
    </rPh>
    <rPh sb="13" eb="15">
      <t>シテイ</t>
    </rPh>
    <rPh sb="23" eb="24">
      <t>スベ</t>
    </rPh>
    <phoneticPr fontId="2"/>
  </si>
  <si>
    <t>イ　勤務医の負担の軽減及び処遇の改善に関する責任者　</t>
    <phoneticPr fontId="2"/>
  </si>
  <si>
    <t>ウ　多職種からなる役割分担推進のための委員会又は会議</t>
    <phoneticPr fontId="2"/>
  </si>
  <si>
    <t>エ　医師労働時間短縮計画</t>
    <rPh sb="2" eb="4">
      <t>イシ</t>
    </rPh>
    <rPh sb="4" eb="6">
      <t>ロウドウ</t>
    </rPh>
    <rPh sb="6" eb="8">
      <t>ジカン</t>
    </rPh>
    <rPh sb="8" eb="10">
      <t>タンシュク</t>
    </rPh>
    <rPh sb="10" eb="12">
      <t>ケイカク</t>
    </rPh>
    <phoneticPr fontId="2"/>
  </si>
  <si>
    <t>オ　勤務医の負担の軽減及び処遇の改善に関する取組事項の公開</t>
    <phoneticPr fontId="2"/>
  </si>
  <si>
    <r>
      <t xml:space="preserve">(ア)　勤務時間の具体的な把握方法（該当する事項に〇すること） </t>
    </r>
    <r>
      <rPr>
        <sz val="9"/>
        <rFont val="ＭＳ Ｐゴシック"/>
        <family val="3"/>
        <charset val="128"/>
      </rPr>
      <t>複数回答可</t>
    </r>
    <rPh sb="18" eb="20">
      <t>ガイトウ</t>
    </rPh>
    <rPh sb="32" eb="34">
      <t>フクスウ</t>
    </rPh>
    <rPh sb="34" eb="36">
      <t>カイトウ</t>
    </rPh>
    <rPh sb="36" eb="37">
      <t>カ</t>
    </rPh>
    <phoneticPr fontId="2"/>
  </si>
  <si>
    <r>
      <t>(イ)　勤務時間以外についての勤務状況（＊２）の把握内容（該当する事項に〇すること）</t>
    </r>
    <r>
      <rPr>
        <sz val="9"/>
        <rFont val="ＭＳ Ｐゴシック"/>
        <family val="3"/>
        <charset val="128"/>
      </rPr>
      <t>複数回答可</t>
    </r>
    <rPh sb="4" eb="6">
      <t>キンム</t>
    </rPh>
    <rPh sb="6" eb="8">
      <t>ジカン</t>
    </rPh>
    <rPh sb="8" eb="10">
      <t>イガイ</t>
    </rPh>
    <rPh sb="15" eb="17">
      <t>キンム</t>
    </rPh>
    <rPh sb="17" eb="19">
      <t>ジョウキョウ</t>
    </rPh>
    <rPh sb="24" eb="26">
      <t>ハアク</t>
    </rPh>
    <rPh sb="26" eb="28">
      <t>ナイヨウ</t>
    </rPh>
    <rPh sb="42" eb="44">
      <t>フクスウ</t>
    </rPh>
    <rPh sb="44" eb="46">
      <t>カイトウ</t>
    </rPh>
    <rPh sb="46" eb="47">
      <t>カ</t>
    </rPh>
    <phoneticPr fontId="2"/>
  </si>
  <si>
    <t>PCのログ情報や電子カルテのログ情報を用いた労働時間管理</t>
    <rPh sb="22" eb="24">
      <t>ロウドウ</t>
    </rPh>
    <rPh sb="24" eb="26">
      <t>ジカン</t>
    </rPh>
    <phoneticPr fontId="2"/>
  </si>
  <si>
    <r>
      <t>連日</t>
    </r>
    <r>
      <rPr>
        <b/>
        <sz val="12"/>
        <rFont val="ＭＳ Ｐゴシック"/>
        <family val="3"/>
        <charset val="128"/>
      </rPr>
      <t>宿日直</t>
    </r>
    <r>
      <rPr>
        <sz val="12"/>
        <rFont val="ＭＳ Ｐゴシック"/>
        <family val="3"/>
        <charset val="128"/>
      </rPr>
      <t>を実施した者の人数及び回数：</t>
    </r>
    <rPh sb="2" eb="5">
      <t>シュクニッチョク</t>
    </rPh>
    <phoneticPr fontId="2"/>
  </si>
  <si>
    <t>別紙２</t>
    <rPh sb="0" eb="2">
      <t>ベッシ</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font>
      <sz val="11"/>
      <name val="ＭＳ Ｐゴシック"/>
      <family val="3"/>
      <charset val="128"/>
    </font>
    <font>
      <sz val="12"/>
      <name val="ＭＳ Ｐゴシック"/>
      <family val="3"/>
      <charset val="128"/>
    </font>
    <font>
      <sz val="6"/>
      <name val="ＭＳ Ｐゴシック"/>
      <family val="3"/>
      <charset val="128"/>
    </font>
    <font>
      <sz val="10.5"/>
      <name val="ＭＳ Ｐゴシック"/>
      <family val="3"/>
      <charset val="128"/>
    </font>
    <font>
      <sz val="14"/>
      <name val="ＭＳ Ｐゴシック"/>
      <family val="3"/>
      <charset val="128"/>
    </font>
    <font>
      <u/>
      <sz val="12"/>
      <name val="ＭＳ Ｐゴシック"/>
      <family val="3"/>
      <charset val="128"/>
    </font>
    <font>
      <sz val="12"/>
      <color rgb="FFFF0000"/>
      <name val="ＭＳ Ｐゴシック"/>
      <family val="3"/>
      <charset val="128"/>
    </font>
    <font>
      <sz val="11"/>
      <color rgb="FFFF0000"/>
      <name val="ＭＳ Ｐゴシック"/>
      <family val="3"/>
      <charset val="128"/>
    </font>
    <font>
      <sz val="9"/>
      <name val="ＭＳ Ｐゴシック"/>
      <family val="3"/>
      <charset val="128"/>
    </font>
    <font>
      <sz val="10"/>
      <name val="ＭＳ Ｐゴシック"/>
      <family val="3"/>
      <charset val="128"/>
    </font>
    <font>
      <strike/>
      <sz val="12"/>
      <name val="ＭＳ Ｐゴシック"/>
      <family val="3"/>
      <charset val="128"/>
    </font>
    <font>
      <sz val="8"/>
      <name val="ＭＳ Ｐゴシック"/>
      <family val="3"/>
      <charset val="128"/>
    </font>
    <font>
      <sz val="10.5"/>
      <color rgb="FFFF0000"/>
      <name val="ＭＳ Ｐゴシック"/>
      <family val="3"/>
      <charset val="128"/>
    </font>
    <font>
      <b/>
      <sz val="12"/>
      <name val="ＭＳ Ｐゴシック"/>
      <family val="3"/>
      <charset val="128"/>
    </font>
    <font>
      <sz val="9"/>
      <color indexed="81"/>
      <name val="MS P ゴシック"/>
      <family val="3"/>
      <charset val="128"/>
    </font>
    <font>
      <b/>
      <sz val="12"/>
      <color indexed="81"/>
      <name val="MS P ゴシック"/>
      <family val="3"/>
      <charset val="128"/>
    </font>
  </fonts>
  <fills count="3">
    <fill>
      <patternFill patternType="none"/>
    </fill>
    <fill>
      <patternFill patternType="gray125"/>
    </fill>
    <fill>
      <patternFill patternType="solid">
        <fgColor theme="8" tint="0.79998168889431442"/>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78">
    <xf numFmtId="0" fontId="0" fillId="0" borderId="0" xfId="0">
      <alignment vertical="center"/>
    </xf>
    <xf numFmtId="0" fontId="1" fillId="0" borderId="0" xfId="0" applyFont="1">
      <alignment vertical="center"/>
    </xf>
    <xf numFmtId="0" fontId="3" fillId="0" borderId="0" xfId="0" applyFont="1">
      <alignment vertical="center"/>
    </xf>
    <xf numFmtId="0" fontId="4" fillId="0" borderId="0" xfId="0" applyFont="1" applyAlignment="1">
      <alignment horizontal="center" vertical="center"/>
    </xf>
    <xf numFmtId="0" fontId="1" fillId="0" borderId="0" xfId="0" applyFont="1" applyAlignment="1">
      <alignment horizontal="left" vertical="center" wrapText="1"/>
    </xf>
    <xf numFmtId="0" fontId="1" fillId="0" borderId="1" xfId="0" applyFont="1" applyBorder="1" applyAlignment="1">
      <alignment horizontal="center" vertical="center" wrapText="1"/>
    </xf>
    <xf numFmtId="0" fontId="1" fillId="0" borderId="1" xfId="0" applyFont="1" applyBorder="1" applyAlignment="1">
      <alignment horizontal="left" vertical="center" wrapText="1"/>
    </xf>
    <xf numFmtId="0" fontId="1" fillId="0" borderId="1" xfId="0" applyFont="1" applyBorder="1" applyAlignment="1">
      <alignment horizontal="right" vertical="center" wrapText="1"/>
    </xf>
    <xf numFmtId="0" fontId="1" fillId="0" borderId="0" xfId="0" applyFont="1" applyAlignment="1">
      <alignment horizontal="left" vertical="center"/>
    </xf>
    <xf numFmtId="0" fontId="6" fillId="0" borderId="1" xfId="0" applyFont="1" applyBorder="1" applyAlignment="1">
      <alignment horizontal="left" vertical="center" wrapText="1"/>
    </xf>
    <xf numFmtId="0" fontId="6" fillId="0" borderId="0" xfId="0" applyFont="1">
      <alignment vertical="center"/>
    </xf>
    <xf numFmtId="0" fontId="7" fillId="0" borderId="0" xfId="0" applyFont="1">
      <alignment vertical="center"/>
    </xf>
    <xf numFmtId="0" fontId="1" fillId="0" borderId="5" xfId="0" applyFont="1" applyBorder="1" applyAlignment="1">
      <alignment horizontal="left" vertical="center"/>
    </xf>
    <xf numFmtId="0" fontId="1" fillId="0" borderId="6" xfId="0" applyFont="1" applyBorder="1" applyAlignment="1">
      <alignment horizontal="left" vertical="center"/>
    </xf>
    <xf numFmtId="0" fontId="1" fillId="0" borderId="7" xfId="0" applyFont="1" applyBorder="1" applyAlignment="1">
      <alignment horizontal="left" vertical="center"/>
    </xf>
    <xf numFmtId="0" fontId="1" fillId="0" borderId="8" xfId="0" applyFont="1" applyBorder="1" applyAlignment="1">
      <alignment horizontal="left" vertical="center"/>
    </xf>
    <xf numFmtId="0" fontId="1" fillId="0" borderId="7" xfId="0" applyFont="1" applyBorder="1">
      <alignment vertical="center"/>
    </xf>
    <xf numFmtId="0" fontId="1" fillId="0" borderId="11" xfId="0" applyFont="1" applyBorder="1">
      <alignment vertical="center"/>
    </xf>
    <xf numFmtId="0" fontId="1" fillId="0" borderId="9" xfId="0" applyFont="1" applyBorder="1" applyAlignment="1">
      <alignment horizontal="left" vertical="center"/>
    </xf>
    <xf numFmtId="0" fontId="1" fillId="0" borderId="9" xfId="0" applyFont="1" applyBorder="1">
      <alignment vertical="center"/>
    </xf>
    <xf numFmtId="0" fontId="1" fillId="0" borderId="2" xfId="0" applyFont="1" applyBorder="1" applyAlignment="1">
      <alignment horizontal="left" vertical="center"/>
    </xf>
    <xf numFmtId="0" fontId="1" fillId="0" borderId="4" xfId="0" applyFont="1" applyBorder="1" applyAlignment="1">
      <alignment horizontal="left" vertical="center"/>
    </xf>
    <xf numFmtId="0" fontId="9" fillId="0" borderId="8" xfId="0" applyFont="1" applyBorder="1" applyAlignment="1">
      <alignment horizontal="left" vertical="center"/>
    </xf>
    <xf numFmtId="0" fontId="10" fillId="0" borderId="8" xfId="0" applyFont="1" applyBorder="1" applyAlignment="1">
      <alignment horizontal="left" vertical="center"/>
    </xf>
    <xf numFmtId="0" fontId="10" fillId="0" borderId="9" xfId="0" applyFont="1" applyBorder="1" applyAlignment="1">
      <alignment horizontal="left" vertical="center"/>
    </xf>
    <xf numFmtId="0" fontId="10" fillId="0" borderId="0" xfId="0" applyFont="1">
      <alignment vertical="center"/>
    </xf>
    <xf numFmtId="0" fontId="1" fillId="0" borderId="9" xfId="0" applyFont="1" applyBorder="1" applyAlignment="1">
      <alignment vertical="center" shrinkToFit="1"/>
    </xf>
    <xf numFmtId="0" fontId="1" fillId="0" borderId="3" xfId="0" applyFont="1" applyBorder="1">
      <alignment vertical="center"/>
    </xf>
    <xf numFmtId="0" fontId="1" fillId="0" borderId="6" xfId="0" applyFont="1" applyBorder="1">
      <alignment vertical="center"/>
    </xf>
    <xf numFmtId="0" fontId="12" fillId="0" borderId="0" xfId="0" applyFont="1">
      <alignment vertical="center"/>
    </xf>
    <xf numFmtId="0" fontId="1" fillId="0" borderId="1" xfId="0" applyFont="1" applyBorder="1" applyAlignment="1">
      <alignment horizontal="center" vertical="center"/>
    </xf>
    <xf numFmtId="0" fontId="1" fillId="2" borderId="11" xfId="0" applyFont="1" applyFill="1" applyBorder="1" applyAlignment="1">
      <alignment horizontal="right" vertical="center"/>
    </xf>
    <xf numFmtId="0" fontId="1" fillId="2" borderId="11" xfId="0" applyFont="1" applyFill="1" applyBorder="1" applyAlignment="1">
      <alignment horizontal="left" vertical="center"/>
    </xf>
    <xf numFmtId="0" fontId="1" fillId="0" borderId="0" xfId="0" applyFont="1" applyBorder="1" applyAlignment="1">
      <alignment horizontal="left" vertical="center"/>
    </xf>
    <xf numFmtId="0" fontId="1" fillId="0" borderId="6" xfId="0" applyFont="1" applyBorder="1" applyAlignment="1">
      <alignment vertical="center"/>
    </xf>
    <xf numFmtId="0" fontId="1" fillId="2" borderId="6" xfId="0" applyFont="1" applyFill="1" applyBorder="1" applyAlignment="1">
      <alignment horizontal="left" vertical="center"/>
    </xf>
    <xf numFmtId="0" fontId="9" fillId="0" borderId="0" xfId="0" applyFont="1" applyBorder="1" applyAlignment="1">
      <alignment horizontal="left" vertical="center"/>
    </xf>
    <xf numFmtId="0" fontId="1" fillId="2" borderId="0" xfId="0" applyFont="1" applyFill="1" applyBorder="1" applyAlignment="1">
      <alignment horizontal="left" vertical="center"/>
    </xf>
    <xf numFmtId="0" fontId="1" fillId="0" borderId="13" xfId="0" applyFont="1" applyBorder="1" applyAlignment="1">
      <alignment horizontal="left" vertical="center"/>
    </xf>
    <xf numFmtId="0" fontId="1" fillId="2" borderId="0" xfId="0" applyFont="1" applyFill="1" applyBorder="1" applyAlignment="1">
      <alignment horizontal="right" vertical="center"/>
    </xf>
    <xf numFmtId="0" fontId="1" fillId="0" borderId="0" xfId="0" applyFont="1" applyBorder="1">
      <alignment vertical="center"/>
    </xf>
    <xf numFmtId="0" fontId="1" fillId="0" borderId="3" xfId="0" applyFont="1" applyBorder="1" applyAlignment="1">
      <alignment vertical="center" shrinkToFit="1"/>
    </xf>
    <xf numFmtId="0" fontId="1" fillId="0" borderId="10" xfId="0" applyFont="1" applyBorder="1" applyAlignment="1">
      <alignment horizontal="left" vertical="center"/>
    </xf>
    <xf numFmtId="0" fontId="1" fillId="0" borderId="11" xfId="0" applyFont="1" applyBorder="1" applyAlignment="1">
      <alignment horizontal="left" vertical="center"/>
    </xf>
    <xf numFmtId="0" fontId="1" fillId="0" borderId="12" xfId="0" applyFont="1" applyBorder="1" applyAlignment="1">
      <alignment horizontal="left" vertical="center"/>
    </xf>
    <xf numFmtId="0" fontId="4" fillId="0" borderId="0" xfId="0" applyFont="1" applyAlignment="1">
      <alignment horizontal="center" vertical="center"/>
    </xf>
    <xf numFmtId="0" fontId="1" fillId="0" borderId="3" xfId="0" applyFont="1" applyBorder="1" applyAlignment="1">
      <alignment horizontal="left" vertical="center"/>
    </xf>
    <xf numFmtId="0" fontId="6" fillId="0" borderId="0" xfId="0" applyFont="1" applyBorder="1" applyAlignment="1">
      <alignment horizontal="left" vertical="center"/>
    </xf>
    <xf numFmtId="0" fontId="6" fillId="0" borderId="6" xfId="0" applyFont="1" applyBorder="1" applyAlignment="1">
      <alignment horizontal="left" vertical="center"/>
    </xf>
    <xf numFmtId="0" fontId="5" fillId="0" borderId="3" xfId="0" applyFont="1" applyBorder="1" applyAlignment="1">
      <alignment vertical="center"/>
    </xf>
    <xf numFmtId="0" fontId="5" fillId="0" borderId="8" xfId="0" applyFont="1" applyBorder="1" applyAlignment="1">
      <alignment vertical="center"/>
    </xf>
    <xf numFmtId="0" fontId="1" fillId="0" borderId="0" xfId="0" applyFont="1" applyFill="1" applyBorder="1" applyAlignment="1">
      <alignment horizontal="left" vertical="center"/>
    </xf>
    <xf numFmtId="0" fontId="1" fillId="0" borderId="11" xfId="0" applyFont="1" applyFill="1" applyBorder="1" applyAlignment="1">
      <alignment horizontal="left" vertical="center"/>
    </xf>
    <xf numFmtId="0" fontId="1" fillId="0" borderId="3" xfId="0" applyFont="1" applyFill="1" applyBorder="1" applyAlignment="1">
      <alignment horizontal="left" vertical="center"/>
    </xf>
    <xf numFmtId="0" fontId="8" fillId="0" borderId="0" xfId="0" applyFont="1" applyBorder="1" applyAlignment="1">
      <alignment horizontal="left" vertical="center"/>
    </xf>
    <xf numFmtId="0" fontId="9" fillId="0" borderId="0" xfId="0" applyFont="1" applyBorder="1">
      <alignment vertical="center"/>
    </xf>
    <xf numFmtId="0" fontId="10" fillId="0" borderId="0" xfId="0" applyFont="1" applyBorder="1" applyAlignment="1">
      <alignment horizontal="left" vertical="center"/>
    </xf>
    <xf numFmtId="0" fontId="1" fillId="0" borderId="0" xfId="0" applyFont="1" applyBorder="1" applyAlignment="1">
      <alignment vertical="center" shrinkToFit="1"/>
    </xf>
    <xf numFmtId="0" fontId="1" fillId="2" borderId="0" xfId="0" applyFont="1" applyFill="1" applyBorder="1" applyAlignment="1">
      <alignment horizontal="right" vertical="center" shrinkToFit="1"/>
    </xf>
    <xf numFmtId="0" fontId="11" fillId="0" borderId="0" xfId="0" applyFont="1" applyBorder="1" applyAlignment="1">
      <alignment horizontal="left" vertical="center"/>
    </xf>
    <xf numFmtId="0" fontId="1" fillId="0" borderId="8" xfId="0" applyFont="1" applyFill="1" applyBorder="1" applyAlignment="1">
      <alignment horizontal="left" vertical="center"/>
    </xf>
    <xf numFmtId="0" fontId="1" fillId="0" borderId="1" xfId="0" applyFont="1" applyFill="1" applyBorder="1" applyAlignment="1">
      <alignment horizontal="center" vertical="center"/>
    </xf>
    <xf numFmtId="0" fontId="1" fillId="0" borderId="9" xfId="0" applyFont="1" applyFill="1" applyBorder="1" applyAlignment="1">
      <alignment horizontal="left" vertical="center"/>
    </xf>
    <xf numFmtId="0" fontId="1" fillId="0" borderId="0" xfId="0" applyFont="1" applyFill="1">
      <alignment vertical="center"/>
    </xf>
    <xf numFmtId="0" fontId="1" fillId="0" borderId="3" xfId="0" applyFont="1" applyBorder="1" applyAlignment="1">
      <alignment horizontal="left" vertical="center"/>
    </xf>
    <xf numFmtId="0" fontId="4" fillId="0" borderId="0" xfId="0" applyFont="1" applyAlignment="1">
      <alignment horizontal="center" vertical="center"/>
    </xf>
    <xf numFmtId="0" fontId="1" fillId="0" borderId="0" xfId="0" applyFont="1" applyBorder="1" applyAlignment="1">
      <alignment horizontal="left" vertical="center" shrinkToFit="1"/>
    </xf>
    <xf numFmtId="0" fontId="1" fillId="0" borderId="9" xfId="0" applyFont="1" applyBorder="1" applyAlignment="1">
      <alignment horizontal="left" vertical="center" shrinkToFit="1"/>
    </xf>
    <xf numFmtId="0" fontId="1" fillId="0" borderId="2" xfId="0" applyFont="1" applyBorder="1" applyAlignment="1">
      <alignment horizontal="left" vertical="top" wrapText="1"/>
    </xf>
    <xf numFmtId="0" fontId="1" fillId="0" borderId="3" xfId="0" applyFont="1" applyBorder="1" applyAlignment="1">
      <alignment horizontal="left" vertical="top" wrapText="1"/>
    </xf>
    <xf numFmtId="0" fontId="1" fillId="0" borderId="4" xfId="0" applyFont="1" applyBorder="1" applyAlignment="1">
      <alignment horizontal="left" vertical="top" wrapText="1"/>
    </xf>
    <xf numFmtId="0" fontId="1" fillId="0" borderId="0" xfId="0" applyFont="1" applyAlignment="1">
      <alignment horizontal="left" vertical="center" wrapText="1"/>
    </xf>
    <xf numFmtId="0" fontId="1" fillId="0" borderId="5" xfId="0" applyFont="1" applyBorder="1" applyAlignment="1">
      <alignment horizontal="left" vertical="top" wrapText="1"/>
    </xf>
    <xf numFmtId="0" fontId="1" fillId="0" borderId="6" xfId="0" applyFont="1" applyBorder="1" applyAlignment="1">
      <alignment horizontal="left" vertical="top" wrapText="1"/>
    </xf>
    <xf numFmtId="0" fontId="1" fillId="0" borderId="7" xfId="0" applyFont="1" applyBorder="1" applyAlignment="1">
      <alignment horizontal="left" vertical="top" wrapText="1"/>
    </xf>
    <xf numFmtId="0" fontId="1" fillId="0" borderId="8" xfId="0" applyFont="1" applyBorder="1" applyAlignment="1">
      <alignment horizontal="left" vertical="top" wrapText="1"/>
    </xf>
    <xf numFmtId="0" fontId="1" fillId="0" borderId="0" xfId="0" applyFont="1" applyAlignment="1">
      <alignment horizontal="left" vertical="top" wrapText="1"/>
    </xf>
    <xf numFmtId="0" fontId="1" fillId="0" borderId="9" xfId="0" applyFont="1" applyBorder="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4.bin"/><Relationship Id="rId2" Type="http://schemas.openxmlformats.org/officeDocument/2006/relationships/printerSettings" Target="../printerSettings/printerSettings3.bin"/><Relationship Id="rId1" Type="http://schemas.openxmlformats.org/officeDocument/2006/relationships/printerSettings" Target="../printerSettings/printerSettings2.bin"/><Relationship Id="rId6" Type="http://schemas.openxmlformats.org/officeDocument/2006/relationships/printerSettings" Target="../printerSettings/printerSettings7.bin"/><Relationship Id="rId5" Type="http://schemas.openxmlformats.org/officeDocument/2006/relationships/printerSettings" Target="../printerSettings/printerSettings6.bin"/><Relationship Id="rId4"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B1:U76"/>
  <sheetViews>
    <sheetView tabSelected="1" zoomScale="85" zoomScaleNormal="85" zoomScaleSheetLayoutView="120" workbookViewId="0">
      <selection activeCell="O11" sqref="O11"/>
    </sheetView>
  </sheetViews>
  <sheetFormatPr defaultColWidth="9" defaultRowHeight="13.2"/>
  <cols>
    <col min="2" max="21" width="6.77734375" customWidth="1"/>
  </cols>
  <sheetData>
    <row r="1" spans="2:21" ht="16.5" customHeight="1">
      <c r="B1" s="1" t="s">
        <v>116</v>
      </c>
      <c r="C1" s="1"/>
      <c r="D1" s="1"/>
      <c r="E1" s="1"/>
      <c r="F1" s="1"/>
      <c r="G1" s="1"/>
      <c r="H1" s="2"/>
      <c r="I1" s="2"/>
      <c r="J1" s="2"/>
      <c r="K1" s="29"/>
      <c r="L1" s="2"/>
      <c r="M1" s="2"/>
      <c r="N1" s="2"/>
      <c r="O1" s="2"/>
      <c r="P1" s="2"/>
      <c r="Q1" s="2"/>
      <c r="R1" s="2"/>
      <c r="S1" s="2"/>
      <c r="T1" s="2"/>
    </row>
    <row r="2" spans="2:21" ht="6.75" customHeight="1"/>
    <row r="3" spans="2:21" ht="22.5" customHeight="1">
      <c r="B3" s="65" t="s">
        <v>0</v>
      </c>
      <c r="C3" s="65"/>
      <c r="D3" s="65"/>
      <c r="E3" s="65"/>
      <c r="F3" s="65"/>
      <c r="G3" s="65"/>
      <c r="H3" s="65"/>
      <c r="I3" s="65"/>
      <c r="J3" s="65"/>
      <c r="K3" s="65"/>
      <c r="L3" s="65"/>
      <c r="M3" s="65"/>
      <c r="N3" s="65"/>
      <c r="O3" s="65"/>
      <c r="P3" s="65"/>
      <c r="Q3" s="65"/>
      <c r="R3" s="65"/>
      <c r="S3" s="65"/>
      <c r="T3" s="65"/>
      <c r="U3" s="65"/>
    </row>
    <row r="4" spans="2:21" ht="6.75" customHeight="1">
      <c r="B4" s="45"/>
      <c r="C4" s="45"/>
      <c r="D4" s="45"/>
      <c r="E4" s="45"/>
      <c r="F4" s="45"/>
      <c r="G4" s="45"/>
      <c r="H4" s="45"/>
      <c r="I4" s="45"/>
      <c r="J4" s="45"/>
      <c r="K4" s="45"/>
      <c r="L4" s="45"/>
      <c r="M4" s="45"/>
      <c r="N4" s="45"/>
      <c r="O4" s="45"/>
      <c r="P4" s="45"/>
      <c r="Q4" s="45"/>
      <c r="R4" s="45"/>
      <c r="S4" s="45"/>
      <c r="T4" s="45"/>
    </row>
    <row r="5" spans="2:21" s="1" customFormat="1" ht="20.25" customHeight="1">
      <c r="B5" s="8" t="s">
        <v>1</v>
      </c>
      <c r="C5" s="8"/>
      <c r="D5" s="8"/>
      <c r="E5" s="8"/>
      <c r="F5" s="8"/>
      <c r="G5" s="8"/>
      <c r="H5" s="8"/>
      <c r="I5" s="8"/>
      <c r="J5" s="8"/>
      <c r="K5" s="8"/>
      <c r="L5" s="8"/>
      <c r="M5" s="8"/>
      <c r="N5" s="8"/>
      <c r="O5" s="8"/>
      <c r="P5" s="8"/>
      <c r="Q5" s="8"/>
      <c r="R5" s="8"/>
      <c r="S5" s="8"/>
      <c r="T5" s="8"/>
    </row>
    <row r="6" spans="2:21" s="1" customFormat="1" ht="14.4">
      <c r="B6" s="8" t="s">
        <v>2</v>
      </c>
      <c r="C6" s="8"/>
      <c r="D6" s="8"/>
      <c r="E6" s="8"/>
      <c r="F6" s="8"/>
      <c r="G6" s="8"/>
      <c r="H6" s="8"/>
      <c r="I6" s="8"/>
      <c r="J6" s="8"/>
      <c r="K6" s="8"/>
      <c r="L6" s="8"/>
      <c r="M6" s="8"/>
      <c r="N6" s="8"/>
      <c r="O6" s="8"/>
      <c r="P6" s="8"/>
      <c r="Q6" s="8"/>
      <c r="R6" s="8"/>
      <c r="S6" s="8"/>
      <c r="T6" s="8"/>
    </row>
    <row r="7" spans="2:21" s="1" customFormat="1" ht="6" customHeight="1">
      <c r="B7" s="8"/>
      <c r="C7" s="8"/>
      <c r="D7" s="8"/>
      <c r="E7" s="8"/>
      <c r="F7" s="8"/>
      <c r="G7" s="8"/>
      <c r="H7" s="8"/>
      <c r="I7" s="8"/>
      <c r="J7" s="8"/>
      <c r="K7" s="8"/>
      <c r="L7" s="8"/>
      <c r="M7" s="8"/>
      <c r="N7" s="8"/>
      <c r="O7" s="8"/>
      <c r="P7" s="8"/>
      <c r="Q7" s="8"/>
      <c r="R7" s="8"/>
      <c r="S7" s="8"/>
      <c r="T7" s="8"/>
    </row>
    <row r="8" spans="2:21" s="1" customFormat="1" ht="14.4">
      <c r="B8" s="33" t="s">
        <v>3</v>
      </c>
      <c r="C8" s="33"/>
      <c r="D8" s="33"/>
      <c r="E8" s="33"/>
      <c r="F8" s="33"/>
      <c r="G8" s="33"/>
      <c r="H8" s="33"/>
      <c r="I8" s="33"/>
      <c r="J8" s="33"/>
      <c r="K8" s="33"/>
      <c r="L8" s="33"/>
      <c r="M8" s="33"/>
      <c r="N8" s="33"/>
      <c r="O8" s="33"/>
      <c r="P8" s="33"/>
      <c r="Q8" s="33"/>
      <c r="R8" s="33"/>
      <c r="S8" s="33"/>
      <c r="T8" s="33"/>
      <c r="U8" s="33"/>
    </row>
    <row r="9" spans="2:21" s="1" customFormat="1" ht="20.25" customHeight="1">
      <c r="B9" s="33"/>
      <c r="C9" s="12" t="s">
        <v>4</v>
      </c>
      <c r="D9" s="13"/>
      <c r="E9" s="13"/>
      <c r="F9" s="13"/>
      <c r="G9" s="13"/>
      <c r="H9" s="16"/>
      <c r="I9" s="43" t="s">
        <v>5</v>
      </c>
      <c r="J9" s="31"/>
      <c r="K9" s="17" t="s">
        <v>55</v>
      </c>
      <c r="L9" s="43"/>
      <c r="M9" s="43"/>
      <c r="N9" s="17"/>
      <c r="O9" s="42" t="s">
        <v>6</v>
      </c>
      <c r="P9" s="31"/>
      <c r="Q9" s="43" t="s">
        <v>55</v>
      </c>
      <c r="R9" s="43"/>
      <c r="S9" s="43"/>
      <c r="T9" s="44"/>
      <c r="U9" s="33"/>
    </row>
    <row r="10" spans="2:21" s="1" customFormat="1" ht="20.25" customHeight="1">
      <c r="B10" s="33"/>
      <c r="C10" s="15" t="s">
        <v>53</v>
      </c>
      <c r="D10" s="39"/>
      <c r="E10" s="33" t="s">
        <v>96</v>
      </c>
      <c r="F10" s="39"/>
      <c r="G10" s="33" t="s">
        <v>97</v>
      </c>
      <c r="H10" s="19"/>
      <c r="I10" s="42" t="s">
        <v>7</v>
      </c>
      <c r="J10" s="43"/>
      <c r="K10" s="17"/>
      <c r="L10" s="43"/>
      <c r="M10" s="31"/>
      <c r="N10" s="17" t="s">
        <v>56</v>
      </c>
      <c r="O10" s="43" t="s">
        <v>57</v>
      </c>
      <c r="P10" s="17"/>
      <c r="Q10" s="32"/>
      <c r="R10" s="43" t="s">
        <v>58</v>
      </c>
      <c r="S10" s="43"/>
      <c r="T10" s="44"/>
      <c r="U10" s="33"/>
    </row>
    <row r="11" spans="2:21" s="1" customFormat="1" ht="20.25" customHeight="1">
      <c r="B11" s="33"/>
      <c r="C11" s="15"/>
      <c r="D11" s="33"/>
      <c r="E11" s="33"/>
      <c r="F11" s="33"/>
      <c r="G11" s="33"/>
      <c r="H11" s="40"/>
      <c r="I11" s="54"/>
      <c r="J11" s="33"/>
      <c r="K11" s="55" t="s">
        <v>8</v>
      </c>
      <c r="L11" s="33"/>
      <c r="M11" s="33"/>
      <c r="N11" s="40"/>
      <c r="O11" s="33"/>
      <c r="P11" s="40"/>
      <c r="Q11" s="33"/>
      <c r="R11" s="33"/>
      <c r="S11" s="33"/>
      <c r="T11" s="18"/>
      <c r="U11" s="33"/>
    </row>
    <row r="12" spans="2:21" s="1" customFormat="1" ht="20.25" customHeight="1">
      <c r="B12" s="33"/>
      <c r="C12" s="12" t="s">
        <v>63</v>
      </c>
      <c r="D12" s="13"/>
      <c r="E12" s="13"/>
      <c r="F12" s="13"/>
      <c r="G12" s="13"/>
      <c r="H12" s="35"/>
      <c r="I12" s="34" t="s">
        <v>54</v>
      </c>
      <c r="J12" s="35"/>
      <c r="K12" s="34" t="s">
        <v>98</v>
      </c>
      <c r="L12" s="13"/>
      <c r="M12" s="13"/>
      <c r="N12" s="13"/>
      <c r="O12" s="13"/>
      <c r="P12" s="13"/>
      <c r="Q12" s="13"/>
      <c r="R12" s="13"/>
      <c r="S12" s="13"/>
      <c r="T12" s="14"/>
      <c r="U12" s="33"/>
    </row>
    <row r="13" spans="2:21" s="1" customFormat="1" ht="20.25" customHeight="1">
      <c r="B13" s="33"/>
      <c r="C13" s="15"/>
      <c r="D13" s="12" t="s">
        <v>112</v>
      </c>
      <c r="E13" s="13"/>
      <c r="F13" s="13"/>
      <c r="G13" s="13"/>
      <c r="H13" s="13"/>
      <c r="I13" s="13"/>
      <c r="J13" s="13"/>
      <c r="K13" s="13"/>
      <c r="L13" s="13"/>
      <c r="M13" s="13"/>
      <c r="N13" s="13"/>
      <c r="O13" s="13"/>
      <c r="P13" s="13"/>
      <c r="Q13" s="13"/>
      <c r="R13" s="13"/>
      <c r="S13" s="13"/>
      <c r="T13" s="14"/>
      <c r="U13" s="33"/>
    </row>
    <row r="14" spans="2:21" s="1" customFormat="1" ht="20.25" customHeight="1">
      <c r="B14" s="33"/>
      <c r="C14" s="15"/>
      <c r="D14" s="15"/>
      <c r="E14" s="30"/>
      <c r="F14" s="33" t="s">
        <v>106</v>
      </c>
      <c r="G14" s="33"/>
      <c r="H14" s="33"/>
      <c r="I14" s="33"/>
      <c r="J14" s="33"/>
      <c r="K14" s="33"/>
      <c r="L14" s="33"/>
      <c r="M14" s="33"/>
      <c r="N14" s="33"/>
      <c r="O14" s="33"/>
      <c r="P14" s="33"/>
      <c r="Q14" s="33"/>
      <c r="R14" s="33"/>
      <c r="S14" s="33"/>
      <c r="T14" s="18"/>
      <c r="U14" s="33"/>
    </row>
    <row r="15" spans="2:21" s="1" customFormat="1" ht="20.25" customHeight="1">
      <c r="B15" s="33"/>
      <c r="C15" s="15"/>
      <c r="D15" s="15"/>
      <c r="E15" s="30"/>
      <c r="F15" s="33" t="s">
        <v>59</v>
      </c>
      <c r="G15" s="33"/>
      <c r="H15" s="33"/>
      <c r="I15" s="33"/>
      <c r="J15" s="33"/>
      <c r="K15" s="33"/>
      <c r="L15" s="33"/>
      <c r="M15" s="33"/>
      <c r="N15" s="33"/>
      <c r="O15" s="33"/>
      <c r="P15" s="33"/>
      <c r="Q15" s="33"/>
      <c r="R15" s="33"/>
      <c r="S15" s="33"/>
      <c r="T15" s="18"/>
      <c r="U15" s="33"/>
    </row>
    <row r="16" spans="2:21" s="63" customFormat="1" ht="20.25" customHeight="1">
      <c r="B16" s="51"/>
      <c r="C16" s="60"/>
      <c r="D16" s="60"/>
      <c r="E16" s="61"/>
      <c r="F16" s="51" t="s">
        <v>114</v>
      </c>
      <c r="G16" s="51"/>
      <c r="H16" s="51"/>
      <c r="I16" s="51"/>
      <c r="J16" s="51"/>
      <c r="K16" s="51"/>
      <c r="L16" s="51"/>
      <c r="M16" s="51"/>
      <c r="N16" s="51"/>
      <c r="O16" s="51"/>
      <c r="P16" s="51"/>
      <c r="Q16" s="51"/>
      <c r="R16" s="51"/>
      <c r="S16" s="51"/>
      <c r="T16" s="62"/>
      <c r="U16" s="51"/>
    </row>
    <row r="17" spans="2:21" s="1" customFormat="1" ht="20.25" customHeight="1">
      <c r="B17" s="33"/>
      <c r="C17" s="15"/>
      <c r="D17" s="15"/>
      <c r="E17" s="30"/>
      <c r="F17" s="33" t="s">
        <v>60</v>
      </c>
      <c r="G17" s="33"/>
      <c r="H17" s="33"/>
      <c r="I17" s="33"/>
      <c r="J17" s="33"/>
      <c r="K17" s="33"/>
      <c r="L17" s="33"/>
      <c r="M17" s="33"/>
      <c r="N17" s="33"/>
      <c r="O17" s="33"/>
      <c r="P17" s="33"/>
      <c r="Q17" s="33"/>
      <c r="R17" s="33"/>
      <c r="S17" s="33"/>
      <c r="T17" s="18"/>
      <c r="U17" s="33"/>
    </row>
    <row r="18" spans="2:21" s="1" customFormat="1" ht="20.25" customHeight="1">
      <c r="B18" s="33"/>
      <c r="C18" s="15"/>
      <c r="D18" s="15"/>
      <c r="E18" s="30"/>
      <c r="F18" s="33" t="s">
        <v>61</v>
      </c>
      <c r="G18" s="33"/>
      <c r="H18" s="33"/>
      <c r="I18" s="33"/>
      <c r="J18" s="33"/>
      <c r="K18" s="66"/>
      <c r="L18" s="66"/>
      <c r="M18" s="66"/>
      <c r="N18" s="66"/>
      <c r="O18" s="66"/>
      <c r="P18" s="66"/>
      <c r="Q18" s="66"/>
      <c r="R18" s="66"/>
      <c r="S18" s="66"/>
      <c r="T18" s="67"/>
      <c r="U18" s="33"/>
    </row>
    <row r="19" spans="2:21" s="1" customFormat="1" ht="20.25" customHeight="1">
      <c r="B19" s="33"/>
      <c r="C19" s="15"/>
      <c r="D19" s="15"/>
      <c r="E19" s="33"/>
      <c r="F19" s="33" t="s">
        <v>84</v>
      </c>
      <c r="G19" s="33"/>
      <c r="H19" s="64"/>
      <c r="I19" s="64"/>
      <c r="J19" s="64"/>
      <c r="K19" s="64"/>
      <c r="L19" s="33" t="s">
        <v>83</v>
      </c>
      <c r="M19" s="33"/>
      <c r="N19" s="33"/>
      <c r="O19" s="33"/>
      <c r="P19" s="33"/>
      <c r="Q19" s="33"/>
      <c r="R19" s="33"/>
      <c r="S19" s="33"/>
      <c r="T19" s="18"/>
      <c r="U19" s="33"/>
    </row>
    <row r="20" spans="2:21" s="1" customFormat="1" ht="20.25" customHeight="1">
      <c r="B20" s="33"/>
      <c r="C20" s="15"/>
      <c r="D20" s="12" t="s">
        <v>113</v>
      </c>
      <c r="E20" s="13"/>
      <c r="F20" s="13"/>
      <c r="G20" s="13"/>
      <c r="H20" s="13"/>
      <c r="I20" s="13"/>
      <c r="J20" s="13"/>
      <c r="K20" s="13"/>
      <c r="L20" s="13"/>
      <c r="M20" s="13"/>
      <c r="N20" s="13"/>
      <c r="O20" s="13"/>
      <c r="P20" s="13"/>
      <c r="Q20" s="13"/>
      <c r="R20" s="13"/>
      <c r="S20" s="13"/>
      <c r="T20" s="14"/>
      <c r="U20" s="33"/>
    </row>
    <row r="21" spans="2:21" s="1" customFormat="1" ht="20.25" customHeight="1">
      <c r="B21" s="33"/>
      <c r="C21" s="15"/>
      <c r="D21" s="22"/>
      <c r="E21" s="30"/>
      <c r="F21" s="33" t="s">
        <v>64</v>
      </c>
      <c r="G21" s="33"/>
      <c r="H21" s="33"/>
      <c r="I21" s="33"/>
      <c r="J21" s="33"/>
      <c r="K21" s="40"/>
      <c r="L21" s="40"/>
      <c r="M21" s="33"/>
      <c r="N21" s="33"/>
      <c r="O21" s="33"/>
      <c r="P21" s="33"/>
      <c r="Q21" s="33"/>
      <c r="R21" s="33"/>
      <c r="S21" s="33"/>
      <c r="T21" s="18"/>
      <c r="U21" s="33"/>
    </row>
    <row r="22" spans="2:21" s="1" customFormat="1" ht="20.25" customHeight="1">
      <c r="B22" s="33"/>
      <c r="C22" s="15"/>
      <c r="D22" s="22"/>
      <c r="E22" s="30"/>
      <c r="F22" s="33" t="s">
        <v>65</v>
      </c>
      <c r="G22" s="33"/>
      <c r="H22" s="33"/>
      <c r="I22" s="33"/>
      <c r="J22" s="33"/>
      <c r="K22" s="40"/>
      <c r="L22" s="40"/>
      <c r="M22" s="33"/>
      <c r="N22" s="33"/>
      <c r="O22" s="33"/>
      <c r="P22" s="33"/>
      <c r="Q22" s="33"/>
      <c r="R22" s="33"/>
      <c r="S22" s="33"/>
      <c r="T22" s="18"/>
      <c r="U22" s="33"/>
    </row>
    <row r="23" spans="2:21" s="1" customFormat="1" ht="20.25" customHeight="1">
      <c r="B23" s="33"/>
      <c r="C23" s="15"/>
      <c r="D23" s="22"/>
      <c r="E23" s="30"/>
      <c r="F23" s="33" t="s">
        <v>66</v>
      </c>
      <c r="G23" s="33"/>
      <c r="H23" s="33"/>
      <c r="I23" s="33"/>
      <c r="J23" s="33"/>
      <c r="K23" s="40"/>
      <c r="L23" s="40"/>
      <c r="M23" s="33"/>
      <c r="N23" s="33"/>
      <c r="O23" s="33"/>
      <c r="P23" s="33"/>
      <c r="Q23" s="33"/>
      <c r="R23" s="33"/>
      <c r="S23" s="33"/>
      <c r="T23" s="18"/>
      <c r="U23" s="33"/>
    </row>
    <row r="24" spans="2:21" s="1" customFormat="1" ht="20.25" customHeight="1">
      <c r="B24" s="33"/>
      <c r="C24" s="15"/>
      <c r="D24" s="22"/>
      <c r="E24" s="30"/>
      <c r="F24" s="33" t="s">
        <v>61</v>
      </c>
      <c r="G24" s="33"/>
      <c r="H24" s="33"/>
      <c r="I24" s="33"/>
      <c r="J24" s="33"/>
      <c r="K24" s="40"/>
      <c r="L24" s="40"/>
      <c r="M24" s="33"/>
      <c r="N24" s="33"/>
      <c r="O24" s="33"/>
      <c r="P24" s="33"/>
      <c r="Q24" s="33"/>
      <c r="R24" s="33"/>
      <c r="S24" s="33"/>
      <c r="T24" s="18"/>
      <c r="U24" s="33"/>
    </row>
    <row r="25" spans="2:21" s="1" customFormat="1" ht="20.25" customHeight="1">
      <c r="B25" s="33"/>
      <c r="C25" s="15"/>
      <c r="D25" s="22"/>
      <c r="E25" s="33"/>
      <c r="F25" s="33" t="s">
        <v>85</v>
      </c>
      <c r="G25" s="33"/>
      <c r="H25" s="64"/>
      <c r="I25" s="64"/>
      <c r="J25" s="64"/>
      <c r="K25" s="64"/>
      <c r="L25" s="40" t="s">
        <v>83</v>
      </c>
      <c r="M25" s="33"/>
      <c r="N25" s="33"/>
      <c r="O25" s="33"/>
      <c r="P25" s="33"/>
      <c r="Q25" s="33"/>
      <c r="R25" s="33"/>
      <c r="S25" s="33"/>
      <c r="T25" s="18"/>
      <c r="U25" s="33"/>
    </row>
    <row r="26" spans="2:21" s="25" customFormat="1" ht="20.25" customHeight="1">
      <c r="B26" s="56"/>
      <c r="C26" s="23"/>
      <c r="D26" s="23"/>
      <c r="E26" s="56"/>
      <c r="F26" s="36" t="s">
        <v>9</v>
      </c>
      <c r="G26" s="56"/>
      <c r="H26" s="56"/>
      <c r="I26" s="56"/>
      <c r="J26" s="56"/>
      <c r="K26" s="33"/>
      <c r="L26" s="56"/>
      <c r="M26" s="56"/>
      <c r="N26" s="56"/>
      <c r="O26" s="56"/>
      <c r="P26" s="56"/>
      <c r="Q26" s="56"/>
      <c r="R26" s="56"/>
      <c r="S26" s="56"/>
      <c r="T26" s="24"/>
      <c r="U26" s="56"/>
    </row>
    <row r="27" spans="2:21" s="25" customFormat="1" ht="20.25" customHeight="1">
      <c r="B27" s="56"/>
      <c r="C27" s="23"/>
      <c r="D27" s="23"/>
      <c r="E27" s="56"/>
      <c r="F27" s="36" t="s">
        <v>10</v>
      </c>
      <c r="G27" s="56"/>
      <c r="H27" s="56"/>
      <c r="I27" s="56"/>
      <c r="J27" s="56"/>
      <c r="K27" s="33"/>
      <c r="L27" s="56"/>
      <c r="M27" s="56"/>
      <c r="N27" s="56"/>
      <c r="O27" s="56"/>
      <c r="P27" s="56"/>
      <c r="Q27" s="56"/>
      <c r="R27" s="56"/>
      <c r="S27" s="56"/>
      <c r="T27" s="24"/>
      <c r="U27" s="56"/>
    </row>
    <row r="28" spans="2:21" s="1" customFormat="1" ht="20.25" customHeight="1">
      <c r="B28" s="33"/>
      <c r="C28" s="15"/>
      <c r="D28" s="12" t="s">
        <v>11</v>
      </c>
      <c r="E28" s="13"/>
      <c r="F28" s="13"/>
      <c r="G28" s="13"/>
      <c r="H28" s="13"/>
      <c r="I28" s="13"/>
      <c r="J28" s="13"/>
      <c r="K28" s="13"/>
      <c r="L28" s="13"/>
      <c r="M28" s="13"/>
      <c r="N28" s="13"/>
      <c r="O28" s="13"/>
      <c r="P28" s="13"/>
      <c r="Q28" s="13"/>
      <c r="R28" s="13"/>
      <c r="S28" s="13"/>
      <c r="T28" s="14"/>
      <c r="U28" s="33"/>
    </row>
    <row r="29" spans="2:21" s="1" customFormat="1" ht="20.25" customHeight="1">
      <c r="B29" s="33"/>
      <c r="C29" s="15"/>
      <c r="D29" s="22"/>
      <c r="E29" s="33" t="s">
        <v>12</v>
      </c>
      <c r="F29" s="39"/>
      <c r="G29" s="33" t="s">
        <v>67</v>
      </c>
      <c r="H29" s="33"/>
      <c r="I29" s="33"/>
      <c r="J29" s="33"/>
      <c r="K29" s="33"/>
      <c r="L29" s="40" t="s">
        <v>13</v>
      </c>
      <c r="M29" s="57"/>
      <c r="N29" s="57"/>
      <c r="O29" s="57"/>
      <c r="P29" s="58"/>
      <c r="Q29" s="33" t="s">
        <v>56</v>
      </c>
      <c r="R29" s="57"/>
      <c r="S29" s="57"/>
      <c r="T29" s="26"/>
      <c r="U29" s="33"/>
    </row>
    <row r="30" spans="2:21" s="1" customFormat="1" ht="20.25" customHeight="1">
      <c r="B30" s="33"/>
      <c r="C30" s="15"/>
      <c r="D30" s="22"/>
      <c r="E30" s="33" t="s">
        <v>68</v>
      </c>
      <c r="F30" s="39"/>
      <c r="G30" s="33" t="s">
        <v>67</v>
      </c>
      <c r="H30" s="33"/>
      <c r="I30" s="33"/>
      <c r="J30" s="33"/>
      <c r="K30" s="33"/>
      <c r="L30" s="40" t="s">
        <v>69</v>
      </c>
      <c r="M30" s="57"/>
      <c r="N30" s="57"/>
      <c r="O30" s="57"/>
      <c r="P30" s="58"/>
      <c r="Q30" s="33" t="s">
        <v>55</v>
      </c>
      <c r="R30" s="57"/>
      <c r="S30" s="57"/>
      <c r="T30" s="26"/>
      <c r="U30" s="33"/>
    </row>
    <row r="31" spans="2:21" s="1" customFormat="1" ht="20.25" customHeight="1">
      <c r="B31" s="33"/>
      <c r="C31" s="15"/>
      <c r="D31" s="22"/>
      <c r="E31" s="33" t="s">
        <v>70</v>
      </c>
      <c r="F31" s="39"/>
      <c r="G31" s="33" t="s">
        <v>67</v>
      </c>
      <c r="H31" s="33"/>
      <c r="I31" s="33"/>
      <c r="J31" s="33"/>
      <c r="K31" s="33"/>
      <c r="L31" s="40"/>
      <c r="M31" s="57"/>
      <c r="N31" s="57"/>
      <c r="O31" s="57"/>
      <c r="P31" s="57"/>
      <c r="Q31" s="33"/>
      <c r="R31" s="57"/>
      <c r="S31" s="57"/>
      <c r="T31" s="26"/>
      <c r="U31" s="33"/>
    </row>
    <row r="32" spans="2:21" s="1" customFormat="1" ht="20.25" customHeight="1">
      <c r="B32" s="33"/>
      <c r="C32" s="15"/>
      <c r="D32" s="15"/>
      <c r="E32" s="33"/>
      <c r="F32" s="36" t="s">
        <v>14</v>
      </c>
      <c r="G32" s="33"/>
      <c r="H32" s="33"/>
      <c r="I32" s="33"/>
      <c r="J32" s="33"/>
      <c r="K32" s="33"/>
      <c r="L32" s="33"/>
      <c r="M32" s="33"/>
      <c r="N32" s="33"/>
      <c r="O32" s="33"/>
      <c r="P32" s="33"/>
      <c r="Q32" s="33"/>
      <c r="R32" s="33"/>
      <c r="S32" s="33"/>
      <c r="T32" s="18"/>
      <c r="U32" s="33"/>
    </row>
    <row r="33" spans="2:21" s="1" customFormat="1" ht="20.25" customHeight="1">
      <c r="B33" s="33"/>
      <c r="C33" s="15"/>
      <c r="D33" s="22"/>
      <c r="E33" s="33"/>
      <c r="F33" s="36" t="s">
        <v>15</v>
      </c>
      <c r="G33" s="33"/>
      <c r="H33" s="33"/>
      <c r="I33" s="40"/>
      <c r="J33" s="33"/>
      <c r="K33" s="33"/>
      <c r="L33" s="33"/>
      <c r="M33" s="33"/>
      <c r="N33" s="40"/>
      <c r="O33" s="33"/>
      <c r="P33" s="33"/>
      <c r="Q33" s="33"/>
      <c r="R33" s="33"/>
      <c r="S33" s="33"/>
      <c r="T33" s="18"/>
      <c r="U33" s="33"/>
    </row>
    <row r="34" spans="2:21" s="1" customFormat="1" ht="20.25" customHeight="1">
      <c r="B34" s="33"/>
      <c r="C34" s="15"/>
      <c r="D34" s="22"/>
      <c r="E34" s="40"/>
      <c r="F34" s="36" t="s">
        <v>16</v>
      </c>
      <c r="G34" s="33"/>
      <c r="H34" s="33"/>
      <c r="I34" s="33"/>
      <c r="J34" s="33"/>
      <c r="K34" s="33"/>
      <c r="L34" s="33"/>
      <c r="M34" s="33"/>
      <c r="N34" s="33"/>
      <c r="O34" s="33"/>
      <c r="P34" s="33"/>
      <c r="Q34" s="33"/>
      <c r="R34" s="33"/>
      <c r="S34" s="33"/>
      <c r="T34" s="18"/>
      <c r="U34" s="33"/>
    </row>
    <row r="35" spans="2:21" s="1" customFormat="1" ht="20.25" customHeight="1">
      <c r="B35" s="33"/>
      <c r="C35" s="15"/>
      <c r="D35" s="12" t="s">
        <v>17</v>
      </c>
      <c r="E35" s="13"/>
      <c r="F35" s="13"/>
      <c r="G35" s="13"/>
      <c r="H35" s="13"/>
      <c r="I35" s="13"/>
      <c r="J35" s="13"/>
      <c r="K35" s="13"/>
      <c r="L35" s="13"/>
      <c r="M35" s="13"/>
      <c r="N35" s="13"/>
      <c r="O35" s="13"/>
      <c r="P35" s="13"/>
      <c r="Q35" s="13"/>
      <c r="R35" s="13"/>
      <c r="S35" s="13"/>
      <c r="T35" s="14"/>
      <c r="U35" s="33"/>
    </row>
    <row r="36" spans="2:21" s="1" customFormat="1" ht="20.25" customHeight="1">
      <c r="B36" s="33"/>
      <c r="C36" s="15"/>
      <c r="D36" s="15"/>
      <c r="E36" s="33" t="s">
        <v>71</v>
      </c>
      <c r="F36" s="37"/>
      <c r="G36" s="33" t="s">
        <v>72</v>
      </c>
      <c r="H36" s="33"/>
      <c r="I36" s="33"/>
      <c r="J36" s="33"/>
      <c r="K36" s="33"/>
      <c r="L36" s="33"/>
      <c r="M36" s="33"/>
      <c r="N36" s="33"/>
      <c r="O36" s="33"/>
      <c r="P36" s="33"/>
      <c r="Q36" s="33"/>
      <c r="R36" s="33"/>
      <c r="S36" s="33"/>
      <c r="T36" s="18"/>
      <c r="U36" s="33"/>
    </row>
    <row r="37" spans="2:21" s="1" customFormat="1" ht="20.25" customHeight="1">
      <c r="B37" s="33"/>
      <c r="C37" s="15"/>
      <c r="D37" s="15"/>
      <c r="E37" s="33" t="s">
        <v>68</v>
      </c>
      <c r="F37" s="37"/>
      <c r="G37" s="33" t="s">
        <v>72</v>
      </c>
      <c r="H37" s="33"/>
      <c r="I37" s="33"/>
      <c r="J37" s="33"/>
      <c r="K37" s="33"/>
      <c r="L37" s="33"/>
      <c r="M37" s="33"/>
      <c r="N37" s="33"/>
      <c r="O37" s="33"/>
      <c r="P37" s="33"/>
      <c r="Q37" s="33"/>
      <c r="R37" s="33"/>
      <c r="S37" s="33"/>
      <c r="T37" s="18"/>
      <c r="U37" s="33"/>
    </row>
    <row r="38" spans="2:21" s="1" customFormat="1" ht="20.25" customHeight="1">
      <c r="B38" s="33"/>
      <c r="C38" s="15"/>
      <c r="D38" s="15"/>
      <c r="E38" s="33" t="s">
        <v>70</v>
      </c>
      <c r="F38" s="37"/>
      <c r="G38" s="33" t="s">
        <v>72</v>
      </c>
      <c r="H38" s="33"/>
      <c r="I38" s="33"/>
      <c r="J38" s="33"/>
      <c r="K38" s="33"/>
      <c r="L38" s="33"/>
      <c r="M38" s="33"/>
      <c r="N38" s="33"/>
      <c r="O38" s="33"/>
      <c r="P38" s="33"/>
      <c r="Q38" s="33"/>
      <c r="R38" s="33"/>
      <c r="S38" s="33"/>
      <c r="T38" s="18"/>
      <c r="U38" s="33"/>
    </row>
    <row r="39" spans="2:21" s="1" customFormat="1" ht="20.25" customHeight="1">
      <c r="B39" s="33"/>
      <c r="C39" s="15"/>
      <c r="D39" s="15"/>
      <c r="E39" s="33" t="s">
        <v>115</v>
      </c>
      <c r="F39" s="33"/>
      <c r="G39" s="33"/>
      <c r="H39" s="33"/>
      <c r="I39" s="33"/>
      <c r="J39" s="37"/>
      <c r="K39" s="40" t="s">
        <v>73</v>
      </c>
      <c r="L39" s="37"/>
      <c r="M39" s="33" t="s">
        <v>74</v>
      </c>
      <c r="N39" s="33"/>
      <c r="O39" s="33"/>
      <c r="P39" s="33"/>
      <c r="Q39" s="33"/>
      <c r="R39" s="33"/>
      <c r="S39" s="33"/>
      <c r="T39" s="18"/>
      <c r="U39" s="33"/>
    </row>
    <row r="40" spans="2:21" s="1" customFormat="1" ht="20.25" customHeight="1">
      <c r="B40" s="33"/>
      <c r="C40" s="15"/>
      <c r="D40" s="15"/>
      <c r="E40" s="33"/>
      <c r="F40" s="33"/>
      <c r="G40" s="33"/>
      <c r="H40" s="33"/>
      <c r="I40" s="33"/>
      <c r="J40" s="33"/>
      <c r="K40" s="40"/>
      <c r="L40" s="33"/>
      <c r="M40" s="33"/>
      <c r="N40" s="33"/>
      <c r="O40" s="33"/>
      <c r="P40" s="33"/>
      <c r="Q40" s="33"/>
      <c r="R40" s="33"/>
      <c r="S40" s="33"/>
      <c r="T40" s="18"/>
      <c r="U40" s="33"/>
    </row>
    <row r="41" spans="2:21" s="1" customFormat="1" ht="20.25" customHeight="1">
      <c r="B41" s="33"/>
      <c r="C41" s="15"/>
      <c r="D41" s="12" t="s">
        <v>75</v>
      </c>
      <c r="E41" s="13"/>
      <c r="F41" s="13"/>
      <c r="G41" s="13"/>
      <c r="H41" s="13"/>
      <c r="I41" s="13"/>
      <c r="J41" s="13"/>
      <c r="K41" s="13"/>
      <c r="L41" s="13"/>
      <c r="M41" s="13"/>
      <c r="N41" s="13"/>
      <c r="O41" s="13"/>
      <c r="P41" s="13"/>
      <c r="Q41" s="13"/>
      <c r="R41" s="13"/>
      <c r="S41" s="13"/>
      <c r="T41" s="14"/>
      <c r="U41" s="33"/>
    </row>
    <row r="42" spans="2:21" s="1" customFormat="1" ht="20.25" customHeight="1">
      <c r="B42" s="33"/>
      <c r="C42" s="15"/>
      <c r="D42" s="50"/>
      <c r="E42" s="49"/>
      <c r="F42" s="49"/>
      <c r="G42" s="49"/>
      <c r="H42" s="49"/>
      <c r="I42" s="49"/>
      <c r="J42" s="49"/>
      <c r="K42" s="49"/>
      <c r="L42" s="49"/>
      <c r="M42" s="49"/>
      <c r="N42" s="49"/>
      <c r="O42" s="49"/>
      <c r="P42" s="49"/>
      <c r="Q42" s="49"/>
      <c r="R42" s="49"/>
      <c r="S42" s="33"/>
      <c r="T42" s="18"/>
      <c r="U42" s="33"/>
    </row>
    <row r="43" spans="2:21" s="1" customFormat="1" ht="20.25" customHeight="1">
      <c r="B43" s="33"/>
      <c r="C43" s="38"/>
      <c r="D43" s="20"/>
      <c r="E43" s="46"/>
      <c r="F43" s="46"/>
      <c r="G43" s="46"/>
      <c r="H43" s="46"/>
      <c r="I43" s="46"/>
      <c r="J43" s="46"/>
      <c r="K43" s="27"/>
      <c r="L43" s="27"/>
      <c r="M43" s="46"/>
      <c r="N43" s="46"/>
      <c r="O43" s="46"/>
      <c r="P43" s="46"/>
      <c r="Q43" s="46"/>
      <c r="R43" s="46"/>
      <c r="S43" s="46"/>
      <c r="T43" s="21"/>
      <c r="U43" s="33"/>
    </row>
    <row r="44" spans="2:21" s="1" customFormat="1" ht="6.75" customHeight="1">
      <c r="B44" s="33"/>
      <c r="C44" s="33"/>
      <c r="D44" s="33"/>
      <c r="E44" s="33"/>
      <c r="F44" s="33"/>
      <c r="G44" s="33"/>
      <c r="H44" s="33"/>
      <c r="I44" s="33"/>
      <c r="J44" s="33"/>
      <c r="K44" s="33"/>
      <c r="L44" s="33"/>
      <c r="M44" s="33"/>
      <c r="N44" s="33"/>
      <c r="O44" s="33"/>
      <c r="P44" s="33"/>
      <c r="Q44" s="33"/>
      <c r="R44" s="33"/>
      <c r="S44" s="33"/>
      <c r="T44" s="33"/>
      <c r="U44" s="33"/>
    </row>
    <row r="45" spans="2:21" s="1" customFormat="1" ht="20.25" customHeight="1">
      <c r="B45" s="33" t="s">
        <v>18</v>
      </c>
      <c r="C45" s="33"/>
      <c r="D45" s="33"/>
      <c r="E45" s="33"/>
      <c r="F45" s="33"/>
      <c r="G45" s="33"/>
      <c r="H45" s="33"/>
      <c r="I45" s="33"/>
      <c r="J45" s="59"/>
      <c r="K45" s="33"/>
      <c r="L45" s="33"/>
      <c r="M45" s="33"/>
      <c r="N45" s="33"/>
      <c r="O45" s="33"/>
      <c r="P45" s="33"/>
      <c r="Q45" s="33"/>
      <c r="R45" s="33"/>
      <c r="S45" s="33"/>
      <c r="T45" s="33"/>
      <c r="U45" s="33"/>
    </row>
    <row r="46" spans="2:21" s="1" customFormat="1" ht="20.25" customHeight="1">
      <c r="B46" s="33"/>
      <c r="C46" s="12" t="s">
        <v>107</v>
      </c>
      <c r="D46" s="13"/>
      <c r="E46" s="13"/>
      <c r="F46" s="13"/>
      <c r="G46" s="13"/>
      <c r="H46" s="13"/>
      <c r="I46" s="13"/>
      <c r="J46" s="28"/>
      <c r="K46" s="13"/>
      <c r="L46" s="48"/>
      <c r="M46" s="13"/>
      <c r="N46" s="13"/>
      <c r="O46" s="13"/>
      <c r="P46" s="13"/>
      <c r="Q46" s="13"/>
      <c r="R46" s="13"/>
      <c r="S46" s="13"/>
      <c r="T46" s="14"/>
      <c r="U46" s="33"/>
    </row>
    <row r="47" spans="2:21" s="1" customFormat="1" ht="20.25" customHeight="1">
      <c r="B47" s="33"/>
      <c r="C47" s="15"/>
      <c r="D47" s="30"/>
      <c r="E47" s="33" t="s">
        <v>102</v>
      </c>
      <c r="F47" s="33"/>
      <c r="G47" s="33"/>
      <c r="H47" s="33"/>
      <c r="I47" s="33"/>
      <c r="J47" s="40"/>
      <c r="K47" s="33"/>
      <c r="L47" s="33"/>
      <c r="M47" s="33"/>
      <c r="N47" s="33"/>
      <c r="O47" s="33"/>
      <c r="P47" s="33"/>
      <c r="Q47" s="33"/>
      <c r="R47" s="33"/>
      <c r="S47" s="33"/>
      <c r="T47" s="18"/>
      <c r="U47" s="33"/>
    </row>
    <row r="48" spans="2:21" s="1" customFormat="1" ht="20.25" customHeight="1">
      <c r="B48" s="33"/>
      <c r="C48" s="15"/>
      <c r="D48" s="30"/>
      <c r="E48" s="33" t="s">
        <v>103</v>
      </c>
      <c r="F48" s="33"/>
      <c r="G48" s="33"/>
      <c r="H48" s="33"/>
      <c r="I48" s="33"/>
      <c r="J48" s="40"/>
      <c r="K48" s="33"/>
      <c r="L48" s="33"/>
      <c r="M48" s="33"/>
      <c r="N48" s="33"/>
      <c r="O48" s="33"/>
      <c r="P48" s="33"/>
      <c r="Q48" s="33"/>
      <c r="R48" s="33"/>
      <c r="S48" s="33"/>
      <c r="T48" s="18"/>
      <c r="U48" s="33"/>
    </row>
    <row r="49" spans="2:21" s="1" customFormat="1" ht="20.25" customHeight="1">
      <c r="B49" s="33"/>
      <c r="C49" s="15"/>
      <c r="D49" s="30"/>
      <c r="E49" s="33" t="s">
        <v>104</v>
      </c>
      <c r="F49" s="33"/>
      <c r="G49" s="33"/>
      <c r="H49" s="33"/>
      <c r="I49" s="33"/>
      <c r="J49" s="40"/>
      <c r="K49" s="33"/>
      <c r="L49" s="33"/>
      <c r="M49" s="33"/>
      <c r="N49" s="33"/>
      <c r="O49" s="33"/>
      <c r="P49" s="33"/>
      <c r="Q49" s="33"/>
      <c r="R49" s="33"/>
      <c r="S49" s="33"/>
      <c r="T49" s="18"/>
      <c r="U49" s="33"/>
    </row>
    <row r="50" spans="2:21" s="1" customFormat="1" ht="20.25" customHeight="1">
      <c r="B50" s="33"/>
      <c r="C50" s="15"/>
      <c r="D50" s="30"/>
      <c r="E50" s="33" t="s">
        <v>105</v>
      </c>
      <c r="F50" s="33"/>
      <c r="G50" s="33"/>
      <c r="H50" s="33"/>
      <c r="I50" s="33"/>
      <c r="J50" s="40"/>
      <c r="K50" s="33"/>
      <c r="L50" s="33"/>
      <c r="M50" s="33"/>
      <c r="N50" s="33"/>
      <c r="O50" s="33"/>
      <c r="P50" s="33"/>
      <c r="Q50" s="33"/>
      <c r="R50" s="33"/>
      <c r="S50" s="33"/>
      <c r="T50" s="18"/>
      <c r="U50" s="33"/>
    </row>
    <row r="51" spans="2:21" s="1" customFormat="1" ht="20.25" customHeight="1">
      <c r="B51" s="33"/>
      <c r="C51" s="15"/>
      <c r="D51" s="30"/>
      <c r="E51" s="33" t="s">
        <v>101</v>
      </c>
      <c r="F51" s="33"/>
      <c r="G51" s="33"/>
      <c r="H51" s="33"/>
      <c r="I51" s="33"/>
      <c r="J51" s="40"/>
      <c r="K51" s="33"/>
      <c r="L51" s="47"/>
      <c r="M51" s="33"/>
      <c r="N51" s="33"/>
      <c r="O51" s="33"/>
      <c r="P51" s="33"/>
      <c r="Q51" s="33"/>
      <c r="R51" s="33"/>
      <c r="S51" s="33"/>
      <c r="T51" s="18"/>
      <c r="U51" s="33"/>
    </row>
    <row r="52" spans="2:21" s="1" customFormat="1" ht="20.25" customHeight="1">
      <c r="B52" s="33"/>
      <c r="C52" s="20"/>
      <c r="D52" s="46"/>
      <c r="E52" s="46"/>
      <c r="F52" s="46"/>
      <c r="G52" s="46"/>
      <c r="H52" s="46"/>
      <c r="I52" s="46"/>
      <c r="J52" s="27"/>
      <c r="K52" s="46"/>
      <c r="L52" s="46"/>
      <c r="M52" s="46"/>
      <c r="N52" s="46"/>
      <c r="O52" s="46"/>
      <c r="P52" s="46"/>
      <c r="Q52" s="46"/>
      <c r="R52" s="46"/>
      <c r="S52" s="46"/>
      <c r="T52" s="21"/>
      <c r="U52" s="33"/>
    </row>
    <row r="53" spans="2:21" s="1" customFormat="1" ht="20.25" customHeight="1">
      <c r="B53" s="33"/>
      <c r="C53" s="12" t="s">
        <v>108</v>
      </c>
      <c r="D53" s="13"/>
      <c r="E53" s="13"/>
      <c r="F53" s="13"/>
      <c r="G53" s="13"/>
      <c r="H53" s="13"/>
      <c r="I53" s="13"/>
      <c r="J53" s="13"/>
      <c r="K53" s="28"/>
      <c r="L53" s="13" t="s">
        <v>76</v>
      </c>
      <c r="M53" s="13"/>
      <c r="N53" s="13"/>
      <c r="O53" s="13"/>
      <c r="P53" s="28"/>
      <c r="Q53" s="13"/>
      <c r="R53" s="13"/>
      <c r="S53" s="13"/>
      <c r="T53" s="14"/>
      <c r="U53" s="33"/>
    </row>
    <row r="54" spans="2:21" s="1" customFormat="1" ht="20.25" customHeight="1">
      <c r="B54" s="33"/>
      <c r="C54" s="15"/>
      <c r="D54" s="33" t="s">
        <v>77</v>
      </c>
      <c r="E54" s="51"/>
      <c r="F54" s="33"/>
      <c r="G54" s="33"/>
      <c r="H54" s="33"/>
      <c r="I54" s="33"/>
      <c r="J54" s="33"/>
      <c r="K54" s="40"/>
      <c r="L54" s="33"/>
      <c r="M54" s="33"/>
      <c r="N54" s="33"/>
      <c r="O54" s="33"/>
      <c r="P54" s="40"/>
      <c r="Q54" s="33"/>
      <c r="R54" s="33"/>
      <c r="S54" s="33"/>
      <c r="T54" s="18"/>
      <c r="U54" s="33"/>
    </row>
    <row r="55" spans="2:21" s="1" customFormat="1" ht="20.25" customHeight="1">
      <c r="B55" s="33"/>
      <c r="C55" s="15"/>
      <c r="D55" s="33" t="s">
        <v>19</v>
      </c>
      <c r="E55" s="52"/>
      <c r="F55" s="43"/>
      <c r="G55" s="43"/>
      <c r="H55" s="43"/>
      <c r="I55" s="33"/>
      <c r="J55" s="33"/>
      <c r="K55" s="40"/>
      <c r="L55" s="33"/>
      <c r="M55" s="33"/>
      <c r="N55" s="33"/>
      <c r="O55" s="33"/>
      <c r="P55" s="40"/>
      <c r="Q55" s="33"/>
      <c r="R55" s="33"/>
      <c r="S55" s="33"/>
      <c r="T55" s="18"/>
      <c r="U55" s="33"/>
    </row>
    <row r="56" spans="2:21" s="1" customFormat="1" ht="20.25" customHeight="1">
      <c r="B56" s="33"/>
      <c r="C56" s="20"/>
      <c r="D56" s="46"/>
      <c r="E56" s="53"/>
      <c r="F56" s="46"/>
      <c r="G56" s="46"/>
      <c r="H56" s="46"/>
      <c r="I56" s="46"/>
      <c r="J56" s="46"/>
      <c r="K56" s="27"/>
      <c r="L56" s="46"/>
      <c r="M56" s="46"/>
      <c r="N56" s="46"/>
      <c r="O56" s="46"/>
      <c r="P56" s="27"/>
      <c r="Q56" s="46"/>
      <c r="R56" s="46"/>
      <c r="S56" s="46"/>
      <c r="T56" s="21"/>
      <c r="U56" s="33"/>
    </row>
    <row r="57" spans="2:21" s="1" customFormat="1" ht="20.25" customHeight="1">
      <c r="B57" s="33"/>
      <c r="C57" s="12" t="s">
        <v>109</v>
      </c>
      <c r="D57" s="13"/>
      <c r="E57" s="13"/>
      <c r="F57" s="13"/>
      <c r="G57" s="13"/>
      <c r="H57" s="13"/>
      <c r="I57" s="13"/>
      <c r="J57" s="13"/>
      <c r="K57" s="28"/>
      <c r="L57" s="13"/>
      <c r="M57" s="13"/>
      <c r="N57" s="13"/>
      <c r="O57" s="13"/>
      <c r="P57" s="13"/>
      <c r="Q57" s="13"/>
      <c r="R57" s="13"/>
      <c r="S57" s="13"/>
      <c r="T57" s="14"/>
      <c r="U57" s="33"/>
    </row>
    <row r="58" spans="2:21" s="1" customFormat="1" ht="20.25" customHeight="1">
      <c r="B58" s="33"/>
      <c r="C58" s="15"/>
      <c r="D58" s="33" t="s">
        <v>78</v>
      </c>
      <c r="E58" s="33"/>
      <c r="F58" s="33"/>
      <c r="G58" s="37"/>
      <c r="H58" s="33" t="s">
        <v>79</v>
      </c>
      <c r="I58" s="33"/>
      <c r="J58" s="33"/>
      <c r="K58" s="40"/>
      <c r="L58" s="33"/>
      <c r="M58" s="33"/>
      <c r="N58" s="33"/>
      <c r="O58" s="33"/>
      <c r="P58" s="33"/>
      <c r="Q58" s="33"/>
      <c r="R58" s="33"/>
      <c r="S58" s="33"/>
      <c r="T58" s="18"/>
      <c r="U58" s="33"/>
    </row>
    <row r="59" spans="2:21" s="1" customFormat="1" ht="20.25" customHeight="1">
      <c r="B59" s="33"/>
      <c r="C59" s="15"/>
      <c r="D59" s="33" t="s">
        <v>80</v>
      </c>
      <c r="E59" s="33"/>
      <c r="F59" s="33"/>
      <c r="G59" s="37" t="s">
        <v>62</v>
      </c>
      <c r="H59" s="33" t="s">
        <v>81</v>
      </c>
      <c r="I59" s="33"/>
      <c r="J59" s="33"/>
      <c r="K59" s="40"/>
      <c r="L59" s="33"/>
      <c r="M59" s="33"/>
      <c r="N59" s="33"/>
      <c r="O59" s="33"/>
      <c r="P59" s="33"/>
      <c r="Q59" s="33"/>
      <c r="R59" s="33"/>
      <c r="S59" s="33"/>
      <c r="T59" s="18"/>
      <c r="U59" s="33"/>
    </row>
    <row r="60" spans="2:21" s="1" customFormat="1" ht="20.25" customHeight="1">
      <c r="B60" s="33"/>
      <c r="C60" s="15"/>
      <c r="D60" s="33" t="s">
        <v>82</v>
      </c>
      <c r="E60" s="33"/>
      <c r="F60" s="64"/>
      <c r="G60" s="64"/>
      <c r="H60" s="64"/>
      <c r="I60" s="64"/>
      <c r="J60" s="64"/>
      <c r="K60" s="64"/>
      <c r="L60" s="64"/>
      <c r="M60" s="64"/>
      <c r="N60" s="64"/>
      <c r="O60" s="64"/>
      <c r="P60" s="64"/>
      <c r="Q60" s="64"/>
      <c r="R60" s="64"/>
      <c r="S60" s="33" t="s">
        <v>83</v>
      </c>
      <c r="T60" s="18"/>
      <c r="U60" s="33"/>
    </row>
    <row r="61" spans="2:21" s="1" customFormat="1" ht="20.25" customHeight="1">
      <c r="B61" s="33"/>
      <c r="C61" s="20"/>
      <c r="D61" s="46"/>
      <c r="E61" s="46"/>
      <c r="F61" s="46"/>
      <c r="G61" s="46"/>
      <c r="H61" s="46"/>
      <c r="I61" s="46"/>
      <c r="J61" s="46"/>
      <c r="K61" s="27"/>
      <c r="L61" s="46"/>
      <c r="M61" s="46"/>
      <c r="N61" s="46"/>
      <c r="O61" s="46"/>
      <c r="P61" s="46"/>
      <c r="Q61" s="46"/>
      <c r="R61" s="46"/>
      <c r="S61" s="46"/>
      <c r="T61" s="21"/>
      <c r="U61" s="33"/>
    </row>
    <row r="62" spans="2:21" s="1" customFormat="1" ht="20.25" customHeight="1">
      <c r="B62" s="33"/>
      <c r="C62" s="12" t="s">
        <v>110</v>
      </c>
      <c r="D62" s="13"/>
      <c r="E62" s="13"/>
      <c r="F62" s="13"/>
      <c r="G62" s="13"/>
      <c r="H62" s="13"/>
      <c r="I62" s="13"/>
      <c r="J62" s="13"/>
      <c r="K62" s="13"/>
      <c r="L62" s="13"/>
      <c r="M62" s="13"/>
      <c r="N62" s="28"/>
      <c r="O62" s="13"/>
      <c r="P62" s="13"/>
      <c r="Q62" s="13"/>
      <c r="R62" s="13"/>
      <c r="S62" s="13"/>
      <c r="T62" s="14"/>
      <c r="U62" s="33"/>
    </row>
    <row r="63" spans="2:21" s="1" customFormat="1" ht="20.25" customHeight="1">
      <c r="B63" s="33"/>
      <c r="C63" s="15"/>
      <c r="D63" s="33" t="s">
        <v>95</v>
      </c>
      <c r="E63" s="33"/>
      <c r="F63" s="33"/>
      <c r="G63" s="33"/>
      <c r="H63" s="33"/>
      <c r="I63" s="33"/>
      <c r="J63" s="33"/>
      <c r="K63" s="33"/>
      <c r="L63" s="33"/>
      <c r="M63" s="33"/>
      <c r="N63" s="40"/>
      <c r="O63" s="33"/>
      <c r="P63" s="33"/>
      <c r="Q63" s="33"/>
      <c r="R63" s="33"/>
      <c r="S63" s="33"/>
      <c r="T63" s="18"/>
      <c r="U63" s="33"/>
    </row>
    <row r="64" spans="2:21" s="1" customFormat="1" ht="20.25" customHeight="1">
      <c r="B64" s="33"/>
      <c r="C64" s="15"/>
      <c r="D64" s="33" t="s">
        <v>86</v>
      </c>
      <c r="E64" s="33"/>
      <c r="F64" s="33"/>
      <c r="G64" s="37"/>
      <c r="H64" s="33" t="s">
        <v>87</v>
      </c>
      <c r="I64" s="37"/>
      <c r="J64" s="33" t="s">
        <v>88</v>
      </c>
      <c r="K64" s="37"/>
      <c r="L64" s="33" t="s">
        <v>89</v>
      </c>
      <c r="M64" s="33"/>
      <c r="N64" s="40"/>
      <c r="O64" s="33"/>
      <c r="P64" s="33"/>
      <c r="Q64" s="33"/>
      <c r="R64" s="33"/>
      <c r="S64" s="33"/>
      <c r="T64" s="18"/>
      <c r="U64" s="33"/>
    </row>
    <row r="65" spans="2:21" s="1" customFormat="1" ht="20.25" customHeight="1">
      <c r="B65" s="33"/>
      <c r="C65" s="15"/>
      <c r="D65" s="33" t="s">
        <v>90</v>
      </c>
      <c r="E65" s="33"/>
      <c r="F65" s="33"/>
      <c r="G65" s="37"/>
      <c r="H65" s="33" t="s">
        <v>87</v>
      </c>
      <c r="I65" s="37"/>
      <c r="J65" s="33" t="s">
        <v>88</v>
      </c>
      <c r="K65" s="37"/>
      <c r="L65" s="33" t="s">
        <v>89</v>
      </c>
      <c r="M65" s="33"/>
      <c r="N65" s="40"/>
      <c r="O65" s="33"/>
      <c r="P65" s="33"/>
      <c r="Q65" s="33"/>
      <c r="R65" s="33"/>
      <c r="S65" s="33"/>
      <c r="T65" s="18"/>
      <c r="U65" s="33"/>
    </row>
    <row r="66" spans="2:21" s="1" customFormat="1" ht="20.25" customHeight="1">
      <c r="B66" s="33"/>
      <c r="C66" s="15"/>
      <c r="D66" s="33" t="s">
        <v>99</v>
      </c>
      <c r="E66" s="33"/>
      <c r="F66" s="33"/>
      <c r="G66" s="30"/>
      <c r="H66" s="33"/>
      <c r="I66" s="33" t="s">
        <v>100</v>
      </c>
      <c r="J66" s="33"/>
      <c r="K66" s="33"/>
      <c r="L66" s="33"/>
      <c r="M66" s="33"/>
      <c r="N66" s="40"/>
      <c r="O66" s="33"/>
      <c r="P66" s="33"/>
      <c r="Q66" s="33"/>
      <c r="R66" s="33"/>
      <c r="S66" s="33"/>
      <c r="T66" s="18"/>
      <c r="U66" s="33"/>
    </row>
    <row r="67" spans="2:21" s="1" customFormat="1" ht="20.25" customHeight="1">
      <c r="B67" s="33"/>
      <c r="C67" s="15"/>
      <c r="D67" s="33" t="s">
        <v>91</v>
      </c>
      <c r="E67" s="33"/>
      <c r="F67" s="33"/>
      <c r="G67" s="33"/>
      <c r="H67" s="64"/>
      <c r="I67" s="64"/>
      <c r="J67" s="64"/>
      <c r="K67" s="64"/>
      <c r="L67" s="33" t="s">
        <v>83</v>
      </c>
      <c r="M67" s="33"/>
      <c r="N67" s="40"/>
      <c r="O67" s="33"/>
      <c r="P67" s="33"/>
      <c r="Q67" s="33"/>
      <c r="R67" s="33"/>
      <c r="S67" s="33"/>
      <c r="T67" s="18"/>
      <c r="U67" s="33"/>
    </row>
    <row r="68" spans="2:21" s="1" customFormat="1" ht="20.25" customHeight="1">
      <c r="B68" s="33"/>
      <c r="C68" s="15"/>
      <c r="D68" s="33"/>
      <c r="E68" s="33"/>
      <c r="F68" s="33"/>
      <c r="G68" s="33"/>
      <c r="H68" s="33"/>
      <c r="I68" s="33"/>
      <c r="J68" s="33"/>
      <c r="K68" s="33"/>
      <c r="L68" s="33"/>
      <c r="M68" s="33"/>
      <c r="N68" s="33"/>
      <c r="O68" s="33"/>
      <c r="P68" s="33"/>
      <c r="Q68" s="33"/>
      <c r="R68" s="33"/>
      <c r="S68" s="33"/>
      <c r="T68" s="18"/>
      <c r="U68" s="33"/>
    </row>
    <row r="69" spans="2:21" s="1" customFormat="1" ht="20.25" customHeight="1">
      <c r="B69" s="33"/>
      <c r="C69" s="12" t="s">
        <v>111</v>
      </c>
      <c r="D69" s="13"/>
      <c r="E69" s="13"/>
      <c r="F69" s="13"/>
      <c r="G69" s="13"/>
      <c r="H69" s="13"/>
      <c r="I69" s="13"/>
      <c r="J69" s="13"/>
      <c r="K69" s="13"/>
      <c r="L69" s="13"/>
      <c r="M69" s="13"/>
      <c r="N69" s="13"/>
      <c r="O69" s="13"/>
      <c r="P69" s="13"/>
      <c r="Q69" s="13"/>
      <c r="R69" s="13"/>
      <c r="S69" s="13"/>
      <c r="T69" s="13"/>
      <c r="U69" s="15"/>
    </row>
    <row r="70" spans="2:21" s="1" customFormat="1" ht="20.25" customHeight="1">
      <c r="B70" s="33"/>
      <c r="C70" s="15"/>
      <c r="D70" s="33" t="s">
        <v>92</v>
      </c>
      <c r="E70" s="33"/>
      <c r="F70" s="33"/>
      <c r="G70" s="33"/>
      <c r="H70" s="33"/>
      <c r="I70" s="33"/>
      <c r="J70" s="33"/>
      <c r="K70" s="33"/>
      <c r="L70" s="33"/>
      <c r="M70" s="33"/>
      <c r="N70" s="33"/>
      <c r="O70" s="33"/>
      <c r="P70" s="33"/>
      <c r="Q70" s="33"/>
      <c r="R70" s="33"/>
      <c r="S70" s="33"/>
      <c r="T70" s="33"/>
      <c r="U70" s="15"/>
    </row>
    <row r="71" spans="2:21" s="1" customFormat="1" ht="20.25" customHeight="1">
      <c r="B71" s="33"/>
      <c r="C71" s="15"/>
      <c r="D71" s="33" t="s">
        <v>93</v>
      </c>
      <c r="E71" s="33"/>
      <c r="F71" s="33"/>
      <c r="G71" s="64"/>
      <c r="H71" s="64"/>
      <c r="I71" s="64"/>
      <c r="J71" s="64"/>
      <c r="K71" s="64"/>
      <c r="L71" s="33" t="s">
        <v>94</v>
      </c>
      <c r="M71" s="33"/>
      <c r="N71" s="33"/>
      <c r="O71" s="33"/>
      <c r="P71" s="33"/>
      <c r="Q71" s="33"/>
      <c r="R71" s="33"/>
      <c r="S71" s="33"/>
      <c r="T71" s="33"/>
      <c r="U71" s="15"/>
    </row>
    <row r="72" spans="2:21" s="1" customFormat="1" ht="23.25" customHeight="1">
      <c r="B72" s="33"/>
      <c r="C72" s="20"/>
      <c r="D72" s="46"/>
      <c r="E72" s="46"/>
      <c r="F72" s="46"/>
      <c r="G72" s="46"/>
      <c r="H72" s="46"/>
      <c r="I72" s="46"/>
      <c r="J72" s="46"/>
      <c r="K72" s="46"/>
      <c r="L72" s="46"/>
      <c r="M72" s="41" t="s">
        <v>62</v>
      </c>
      <c r="N72" s="41"/>
      <c r="O72" s="41"/>
      <c r="P72" s="41"/>
      <c r="Q72" s="41"/>
      <c r="R72" s="41"/>
      <c r="S72" s="41"/>
      <c r="T72" s="41"/>
      <c r="U72" s="15"/>
    </row>
    <row r="73" spans="2:21" s="1" customFormat="1" ht="6.75" customHeight="1">
      <c r="B73" s="33"/>
      <c r="C73" s="33"/>
      <c r="D73" s="33"/>
      <c r="E73" s="33"/>
      <c r="F73" s="33"/>
      <c r="G73" s="33"/>
      <c r="H73" s="33"/>
      <c r="I73" s="33"/>
      <c r="J73" s="33"/>
      <c r="K73" s="33"/>
      <c r="L73" s="33"/>
      <c r="M73" s="33"/>
      <c r="N73" s="33"/>
      <c r="O73" s="33"/>
      <c r="P73" s="33"/>
      <c r="Q73" s="33"/>
      <c r="R73" s="33"/>
      <c r="S73" s="33"/>
      <c r="T73" s="33"/>
      <c r="U73" s="33"/>
    </row>
    <row r="74" spans="2:21" s="1" customFormat="1" ht="12" customHeight="1">
      <c r="B74" s="33"/>
      <c r="C74" s="54"/>
      <c r="D74" s="33"/>
      <c r="E74" s="33"/>
      <c r="F74" s="33"/>
      <c r="G74" s="54"/>
      <c r="H74" s="54"/>
      <c r="I74" s="33"/>
      <c r="J74" s="33"/>
      <c r="K74" s="33"/>
      <c r="L74" s="33"/>
      <c r="M74" s="33"/>
      <c r="N74" s="33"/>
      <c r="O74" s="33"/>
      <c r="P74" s="33"/>
      <c r="Q74" s="33"/>
      <c r="R74" s="33"/>
      <c r="S74" s="33"/>
      <c r="T74" s="33"/>
      <c r="U74" s="40"/>
    </row>
    <row r="75" spans="2:21" s="1" customFormat="1" ht="14.4"/>
    <row r="76" spans="2:21" ht="14.4">
      <c r="B76" s="1"/>
    </row>
  </sheetData>
  <mergeCells count="7">
    <mergeCell ref="H67:K67"/>
    <mergeCell ref="G71:K71"/>
    <mergeCell ref="B3:U3"/>
    <mergeCell ref="K18:T18"/>
    <mergeCell ref="H19:K19"/>
    <mergeCell ref="H25:K25"/>
    <mergeCell ref="F60:R60"/>
  </mergeCells>
  <phoneticPr fontId="2"/>
  <dataValidations count="6">
    <dataValidation type="list" allowBlank="1" showInputMessage="1" showErrorMessage="1" sqref="E21:E24 D47:D51 E14:E18">
      <formula1>"〇"</formula1>
    </dataValidation>
    <dataValidation type="whole" allowBlank="1" showInputMessage="1" showErrorMessage="1" sqref="J9 F36:F38">
      <formula1>0</formula1>
      <formula2>999999</formula2>
    </dataValidation>
    <dataValidation type="whole" allowBlank="1" showInputMessage="1" showErrorMessage="1" sqref="P9 Q10 M10 J12 L39 J39 H12 G58:G59 D10 F10">
      <formula1>0</formula1>
      <formula2>99999</formula2>
    </dataValidation>
    <dataValidation type="decimal" allowBlank="1" showInputMessage="1" showErrorMessage="1" sqref="F29:F31 P29:P30">
      <formula1>0</formula1>
      <formula2>99999</formula2>
    </dataValidation>
    <dataValidation type="whole" allowBlank="1" showInputMessage="1" showErrorMessage="1" sqref="K64:K65 G64:G65 I64:I65">
      <formula1>0</formula1>
      <formula2>99</formula2>
    </dataValidation>
    <dataValidation type="list" allowBlank="1" showInputMessage="1" showErrorMessage="1" sqref="G66">
      <formula1>"有,無"</formula1>
    </dataValidation>
  </dataValidations>
  <printOptions horizontalCentered="1"/>
  <pageMargins left="0" right="0" top="0.78740157480314965" bottom="0" header="0.31496062992125984" footer="0.31496062992125984"/>
  <pageSetup paperSize="9" scale="59" orientation="portrait" r:id="rId1"/>
  <headerFooter alignWithMargins="0"/>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32"/>
  <sheetViews>
    <sheetView view="pageBreakPreview" zoomScale="85" zoomScaleNormal="100" zoomScaleSheetLayoutView="85" workbookViewId="0">
      <selection activeCell="A10" sqref="A10"/>
    </sheetView>
  </sheetViews>
  <sheetFormatPr defaultColWidth="9" defaultRowHeight="13.2"/>
  <cols>
    <col min="1" max="1" width="33.6640625" customWidth="1"/>
    <col min="2" max="2" width="16.109375" customWidth="1"/>
    <col min="3" max="3" width="33.6640625" customWidth="1"/>
    <col min="4" max="4" width="16.109375" customWidth="1"/>
  </cols>
  <sheetData>
    <row r="1" spans="1:4" ht="16.5" customHeight="1">
      <c r="A1" s="1" t="s">
        <v>21</v>
      </c>
      <c r="B1" s="2"/>
      <c r="C1" s="2"/>
    </row>
    <row r="2" spans="1:4" ht="16.5" customHeight="1">
      <c r="B2" s="2"/>
      <c r="C2" s="2"/>
    </row>
    <row r="4" spans="1:4" ht="22.5" customHeight="1">
      <c r="A4" s="65" t="s">
        <v>22</v>
      </c>
      <c r="B4" s="65"/>
      <c r="C4" s="65"/>
      <c r="D4" s="65"/>
    </row>
    <row r="5" spans="1:4" ht="15" customHeight="1">
      <c r="A5" s="3"/>
      <c r="B5" s="3"/>
      <c r="C5" s="3"/>
    </row>
    <row r="6" spans="1:4" s="1" customFormat="1" ht="29.25" customHeight="1">
      <c r="A6" s="71" t="s">
        <v>23</v>
      </c>
      <c r="B6" s="71"/>
      <c r="C6" s="71"/>
      <c r="D6" s="71"/>
    </row>
    <row r="7" spans="1:4" s="1" customFormat="1" ht="4.5" customHeight="1">
      <c r="A7" s="4"/>
      <c r="B7" s="4"/>
      <c r="C7" s="4"/>
    </row>
    <row r="8" spans="1:4" s="1" customFormat="1" ht="18" customHeight="1">
      <c r="A8" s="5" t="s">
        <v>24</v>
      </c>
      <c r="B8" s="5" t="s">
        <v>25</v>
      </c>
      <c r="C8" s="5" t="s">
        <v>24</v>
      </c>
      <c r="D8" s="5" t="s">
        <v>25</v>
      </c>
    </row>
    <row r="9" spans="1:4" s="1" customFormat="1" ht="14.4">
      <c r="A9" s="6" t="s">
        <v>26</v>
      </c>
      <c r="B9" s="7" t="s">
        <v>27</v>
      </c>
      <c r="C9" s="6" t="s">
        <v>28</v>
      </c>
      <c r="D9" s="7" t="s">
        <v>27</v>
      </c>
    </row>
    <row r="10" spans="1:4" s="1" customFormat="1" ht="28.8">
      <c r="A10" s="6" t="s">
        <v>29</v>
      </c>
      <c r="B10" s="7" t="s">
        <v>27</v>
      </c>
      <c r="C10" s="6" t="s">
        <v>30</v>
      </c>
      <c r="D10" s="7" t="s">
        <v>27</v>
      </c>
    </row>
    <row r="11" spans="1:4" s="1" customFormat="1" ht="14.4">
      <c r="A11" s="6" t="s">
        <v>31</v>
      </c>
      <c r="B11" s="7" t="s">
        <v>27</v>
      </c>
      <c r="C11" s="6" t="s">
        <v>32</v>
      </c>
      <c r="D11" s="7" t="s">
        <v>27</v>
      </c>
    </row>
    <row r="12" spans="1:4" s="1" customFormat="1" ht="28.8">
      <c r="A12" s="9" t="s">
        <v>33</v>
      </c>
      <c r="B12" s="7" t="s">
        <v>27</v>
      </c>
      <c r="C12" s="6" t="s">
        <v>34</v>
      </c>
      <c r="D12" s="7" t="s">
        <v>27</v>
      </c>
    </row>
    <row r="13" spans="1:4" s="1" customFormat="1" ht="10.5" customHeight="1">
      <c r="A13" s="4"/>
      <c r="B13" s="4"/>
      <c r="C13" s="4"/>
    </row>
    <row r="14" spans="1:4" s="1" customFormat="1" ht="17.25" customHeight="1">
      <c r="A14" s="8" t="s">
        <v>35</v>
      </c>
      <c r="B14" s="8"/>
      <c r="C14" s="8"/>
    </row>
    <row r="15" spans="1:4" s="1" customFormat="1" ht="175.5" customHeight="1">
      <c r="A15" s="72" t="s">
        <v>36</v>
      </c>
      <c r="B15" s="73"/>
      <c r="C15" s="73"/>
      <c r="D15" s="74"/>
    </row>
    <row r="16" spans="1:4" s="1" customFormat="1" ht="110.25" customHeight="1">
      <c r="A16" s="75" t="s">
        <v>37</v>
      </c>
      <c r="B16" s="76"/>
      <c r="C16" s="76"/>
      <c r="D16" s="77"/>
    </row>
    <row r="17" spans="1:4" s="1" customFormat="1" ht="42.75" customHeight="1">
      <c r="A17" s="75" t="s">
        <v>38</v>
      </c>
      <c r="B17" s="76"/>
      <c r="C17" s="76"/>
      <c r="D17" s="77"/>
    </row>
    <row r="18" spans="1:4" s="1" customFormat="1" ht="54" customHeight="1">
      <c r="A18" s="75" t="s">
        <v>39</v>
      </c>
      <c r="B18" s="76"/>
      <c r="C18" s="76"/>
      <c r="D18" s="77"/>
    </row>
    <row r="19" spans="1:4" s="1" customFormat="1" ht="22.5" customHeight="1">
      <c r="A19" s="68" t="s">
        <v>40</v>
      </c>
      <c r="B19" s="69"/>
      <c r="C19" s="69"/>
      <c r="D19" s="70"/>
    </row>
    <row r="20" spans="1:4" s="1" customFormat="1" ht="15.75" customHeight="1">
      <c r="A20" s="1" t="s">
        <v>20</v>
      </c>
    </row>
    <row r="21" spans="1:4" ht="14.4">
      <c r="A21" s="1" t="s">
        <v>41</v>
      </c>
      <c r="B21" s="1"/>
      <c r="C21" s="1"/>
    </row>
    <row r="22" spans="1:4" ht="14.4">
      <c r="A22" s="1" t="s">
        <v>42</v>
      </c>
      <c r="B22" s="1"/>
      <c r="C22" s="1"/>
    </row>
    <row r="23" spans="1:4" ht="14.4">
      <c r="A23" s="1" t="s">
        <v>43</v>
      </c>
      <c r="B23" s="1"/>
      <c r="C23" s="1"/>
    </row>
    <row r="24" spans="1:4" ht="14.4">
      <c r="A24" s="1" t="s">
        <v>44</v>
      </c>
      <c r="B24" s="1"/>
      <c r="C24" s="1"/>
    </row>
    <row r="25" spans="1:4" ht="14.4">
      <c r="A25" s="1" t="s">
        <v>45</v>
      </c>
      <c r="B25" s="1"/>
      <c r="C25" s="1"/>
    </row>
    <row r="26" spans="1:4" ht="14.4">
      <c r="A26" s="1" t="s">
        <v>46</v>
      </c>
      <c r="B26" s="1"/>
      <c r="C26" s="1"/>
    </row>
    <row r="27" spans="1:4" ht="14.4">
      <c r="A27" s="1" t="s">
        <v>47</v>
      </c>
      <c r="B27" s="1"/>
      <c r="C27" s="1"/>
    </row>
    <row r="28" spans="1:4" ht="14.4">
      <c r="A28" s="1" t="s">
        <v>48</v>
      </c>
      <c r="B28" s="1"/>
      <c r="C28" s="1"/>
    </row>
    <row r="29" spans="1:4" ht="14.4">
      <c r="A29" s="1" t="s">
        <v>49</v>
      </c>
      <c r="B29" s="1"/>
      <c r="C29" s="1"/>
    </row>
    <row r="30" spans="1:4" ht="14.4">
      <c r="A30" s="1" t="s">
        <v>50</v>
      </c>
      <c r="B30" s="1"/>
      <c r="C30" s="1"/>
    </row>
    <row r="31" spans="1:4" ht="14.4">
      <c r="A31" s="10" t="s">
        <v>51</v>
      </c>
      <c r="B31" s="10"/>
      <c r="C31" s="10"/>
      <c r="D31" s="11"/>
    </row>
    <row r="32" spans="1:4" ht="14.4">
      <c r="A32" s="10" t="s">
        <v>52</v>
      </c>
      <c r="B32" s="10"/>
      <c r="C32" s="10"/>
      <c r="D32" s="11"/>
    </row>
  </sheetData>
  <customSheetViews>
    <customSheetView guid="{37B6CBE4-2B19-49FC-BFEF-B891579D40C9}" scale="85" showPageBreaks="1" printArea="1" state="hidden" view="pageBreakPreview">
      <selection activeCell="A10" sqref="A10"/>
      <pageMargins left="0" right="0" top="0" bottom="0" header="0" footer="0"/>
      <printOptions horizontalCentered="1"/>
      <pageSetup paperSize="9" scale="82" orientation="portrait" r:id="rId1"/>
      <headerFooter alignWithMargins="0"/>
    </customSheetView>
    <customSheetView guid="{73BCDB9B-F610-4914-B01C-136D6132314D}" scale="85" showPageBreaks="1" printArea="1" state="hidden" view="pageBreakPreview">
      <selection activeCell="A10" sqref="A10"/>
      <pageMargins left="0" right="0" top="0" bottom="0" header="0" footer="0"/>
      <printOptions horizontalCentered="1"/>
      <pageSetup paperSize="9" scale="82" orientation="portrait" r:id="rId2"/>
      <headerFooter alignWithMargins="0"/>
    </customSheetView>
    <customSheetView guid="{5D805DA5-5B83-4DA7-AD1F-0A528C0D7036}" scale="85" showPageBreaks="1" printArea="1" state="hidden" view="pageBreakPreview">
      <selection activeCell="A10" sqref="A10"/>
      <pageMargins left="0" right="0" top="0" bottom="0" header="0" footer="0"/>
      <printOptions horizontalCentered="1"/>
      <pageSetup paperSize="9" scale="82" orientation="portrait" r:id="rId3"/>
      <headerFooter alignWithMargins="0"/>
    </customSheetView>
    <customSheetView guid="{69CDDE8E-4570-4BA1-94E3-16D081512935}" scale="85" showPageBreaks="1" printArea="1" state="hidden" view="pageBreakPreview">
      <selection activeCell="A10" sqref="A10"/>
      <pageMargins left="0" right="0" top="0" bottom="0" header="0" footer="0"/>
      <printOptions horizontalCentered="1"/>
      <pageSetup paperSize="9" scale="82" orientation="portrait" r:id="rId4"/>
      <headerFooter alignWithMargins="0"/>
    </customSheetView>
    <customSheetView guid="{B54DE1DF-A17A-4AD2-83A8-C44B3EE7B785}" scale="85" showPageBreaks="1" printArea="1" state="hidden" view="pageBreakPreview">
      <selection activeCell="A10" sqref="A10"/>
      <pageMargins left="0" right="0" top="0" bottom="0" header="0" footer="0"/>
      <printOptions horizontalCentered="1"/>
      <pageSetup paperSize="9" scale="82" orientation="portrait" r:id="rId5"/>
      <headerFooter alignWithMargins="0"/>
    </customSheetView>
  </customSheetViews>
  <mergeCells count="7">
    <mergeCell ref="A19:D19"/>
    <mergeCell ref="A4:D4"/>
    <mergeCell ref="A6:D6"/>
    <mergeCell ref="A15:D15"/>
    <mergeCell ref="A16:D16"/>
    <mergeCell ref="A17:D17"/>
    <mergeCell ref="A18:D18"/>
  </mergeCells>
  <phoneticPr fontId="2"/>
  <printOptions horizontalCentered="1"/>
  <pageMargins left="0.66" right="0.63" top="0.78740157480314965" bottom="0.39370078740157483" header="0.51181102362204722" footer="0.51181102362204722"/>
  <pageSetup paperSize="9" scale="82" orientation="portrait" r:id="rId6"/>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NEW別記３様式２</vt:lpstr>
      <vt:lpstr>(参考)現行の勤務医報告</vt:lpstr>
      <vt:lpstr>'(参考)現行の勤務医報告'!Print_Area</vt:lpstr>
      <vt:lpstr>NEW別記３様式２!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c</dc:creator>
  <cp:keywords/>
  <dc:description/>
  <cp:lastModifiedBy>user</cp:lastModifiedBy>
  <cp:revision/>
  <cp:lastPrinted>2024-03-29T13:48:06Z</cp:lastPrinted>
  <dcterms:created xsi:type="dcterms:W3CDTF">2012-01-23T12:59:27Z</dcterms:created>
  <dcterms:modified xsi:type="dcterms:W3CDTF">2024-08-14T00:34:09Z</dcterms:modified>
  <cp:category/>
  <cp:contentStatus/>
</cp:coreProperties>
</file>